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Layouts/slideLayout11.xml" ContentType="application/vnd.openxmlformats-officedocument.presentationml.slideLayout+xml"/>
  <Override PartName="/ppt/notesSlides/notesSlide6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2.xml" ContentType="application/vnd.openxmlformats-officedocument.presentationml.notesSlide+xml"/>
  <Override PartName="/ppt/slideMasters/slideMaster1.xml" ContentType="application/vnd.openxmlformats-officedocument.presentationml.slideMaster+xml"/>
  <Override PartName="/ppt/notesSlides/notesSlide1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9.xml" ContentType="application/vnd.openxmlformats-officedocument.presentationml.notesSlide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notesSlides/notesSlide8.xml" ContentType="application/vnd.openxmlformats-officedocument.presentationml.notesSlide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7.xml" ContentType="application/vnd.openxmlformats-officedocument.presentationml.notesSlide+xml"/>
  <Override PartName="/ppt/theme/theme2.xml" ContentType="application/vnd.openxmlformats-officedocument.theme+xml"/>
  <Override PartName="/ppt/theme/theme1.xml" ContentType="application/vnd.openxmlformats-officedocument.theme+xml"/>
  <Override PartName="/ppt/notesMasters/notesMaster1.xml" ContentType="application/vnd.openxmlformats-officedocument.presentationml.notesMaster+xml"/>
  <Override PartName="/ppt/tableStyles.xml" ContentType="application/vnd.openxmlformats-officedocument.presentationml.tableStyles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customXml/itemProps3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tags/tag1.xml" ContentType="application/vnd.openxmlformats-officedocument.presentationml.tags+xml"/>
  <Override PartName="/customXml/itemProps2.xml" ContentType="application/vnd.openxmlformats-officedocument.customXmlProperties+xml"/>
  <Override PartName="/customXml/itemProps1.xml" ContentType="application/vnd.openxmlformats-officedocument.customXmlProperties+xml"/>
  <Override PartName="/customXml/itemProps4.xml" ContentType="application/vnd.openxmlformats-officedocument.customXmlProperties+xml"/>
  <Override PartName="/customXml/itemProps6.xml" ContentType="application/vnd.openxmlformats-officedocument.customXmlProperties+xml"/>
  <Override PartName="/customXml/itemProps5.xml" ContentType="application/vnd.openxmlformats-officedocument.customXmlProperties+xml"/>
  <Override PartName="/customXml/itemProps7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5"/>
  </p:sldMasterIdLst>
  <p:notesMasterIdLst>
    <p:notesMasterId r:id="rId21"/>
  </p:notesMasterIdLst>
  <p:sldIdLst>
    <p:sldId id="256" r:id="rId6"/>
    <p:sldId id="369" r:id="rId7"/>
    <p:sldId id="370" r:id="rId8"/>
    <p:sldId id="371" r:id="rId9"/>
    <p:sldId id="372" r:id="rId10"/>
    <p:sldId id="374" r:id="rId11"/>
    <p:sldId id="373" r:id="rId12"/>
    <p:sldId id="375" r:id="rId13"/>
    <p:sldId id="379" r:id="rId14"/>
    <p:sldId id="376" r:id="rId15"/>
    <p:sldId id="380" r:id="rId16"/>
    <p:sldId id="381" r:id="rId17"/>
    <p:sldId id="382" r:id="rId18"/>
    <p:sldId id="377" r:id="rId19"/>
    <p:sldId id="378" r:id="rId20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77669" autoAdjust="0"/>
  </p:normalViewPr>
  <p:slideViewPr>
    <p:cSldViewPr showGuides="1">
      <p:cViewPr varScale="1">
        <p:scale>
          <a:sx n="81" d="100"/>
          <a:sy n="81" d="100"/>
        </p:scale>
        <p:origin x="1668" y="84"/>
      </p:cViewPr>
      <p:guideLst/>
    </p:cSldViewPr>
  </p:slideViewPr>
  <p:notesTextViewPr>
    <p:cViewPr>
      <p:scale>
        <a:sx n="200" d="100"/>
        <a:sy n="2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3.xml"/><Relationship Id="rId13" Type="http://schemas.openxmlformats.org/officeDocument/2006/relationships/slide" Target="slides/slide8.xml"/><Relationship Id="rId18" Type="http://schemas.openxmlformats.org/officeDocument/2006/relationships/slide" Target="slides/slide13.xml"/><Relationship Id="rId26" Type="http://schemas.openxmlformats.org/officeDocument/2006/relationships/customXml" Target="../customXml/item5.xml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7" Type="http://schemas.openxmlformats.org/officeDocument/2006/relationships/slide" Target="slides/slide2.xml"/><Relationship Id="rId12" Type="http://schemas.openxmlformats.org/officeDocument/2006/relationships/slide" Target="slides/slide7.xml"/><Relationship Id="rId17" Type="http://schemas.openxmlformats.org/officeDocument/2006/relationships/slide" Target="slides/slide12.xml"/><Relationship Id="rId25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slide" Target="slides/slide11.xml"/><Relationship Id="rId20" Type="http://schemas.openxmlformats.org/officeDocument/2006/relationships/slide" Target="slides/slide15.xml"/><Relationship Id="rId1" Type="http://schemas.openxmlformats.org/officeDocument/2006/relationships/customXml" Target="../customXml/item1.xml"/><Relationship Id="rId6" Type="http://schemas.openxmlformats.org/officeDocument/2006/relationships/slide" Target="slides/slide1.xml"/><Relationship Id="rId11" Type="http://schemas.openxmlformats.org/officeDocument/2006/relationships/slide" Target="slides/slide6.xml"/><Relationship Id="rId24" Type="http://schemas.openxmlformats.org/officeDocument/2006/relationships/theme" Target="theme/theme1.xml"/><Relationship Id="rId5" Type="http://schemas.openxmlformats.org/officeDocument/2006/relationships/slideMaster" Target="slideMasters/slideMaster1.xml"/><Relationship Id="rId15" Type="http://schemas.openxmlformats.org/officeDocument/2006/relationships/slide" Target="slides/slide10.xml"/><Relationship Id="rId23" Type="http://schemas.openxmlformats.org/officeDocument/2006/relationships/viewProps" Target="viewProps.xml"/><Relationship Id="rId28" Type="http://schemas.openxmlformats.org/officeDocument/2006/relationships/customXml" Target="../customXml/item7.xml"/><Relationship Id="rId10" Type="http://schemas.openxmlformats.org/officeDocument/2006/relationships/slide" Target="slides/slide5.xml"/><Relationship Id="rId19" Type="http://schemas.openxmlformats.org/officeDocument/2006/relationships/slide" Target="slides/slide14.xml"/><Relationship Id="rId4" Type="http://schemas.openxmlformats.org/officeDocument/2006/relationships/customXml" Target="../customXml/item4.xml"/><Relationship Id="rId9" Type="http://schemas.openxmlformats.org/officeDocument/2006/relationships/slide" Target="slides/slide4.xml"/><Relationship Id="rId14" Type="http://schemas.openxmlformats.org/officeDocument/2006/relationships/slide" Target="slides/slide9.xml"/><Relationship Id="rId22" Type="http://schemas.openxmlformats.org/officeDocument/2006/relationships/presProps" Target="presProps.xml"/><Relationship Id="rId27" Type="http://schemas.openxmlformats.org/officeDocument/2006/relationships/customXml" Target="../customXml/item6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8-09-2019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27060902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1"/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45891615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21830102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1"/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903727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esper, Trine, Leis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1619675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/>
              <a:t>Jesper, Trine, Leis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47802013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Leis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6243690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/>
              <a:t>Målet med risikostyring </a:t>
            </a:r>
            <a:r>
              <a:rPr lang="da-DK" dirty="0"/>
              <a:t>er, at vi kun påtager os risici der hjælper os med at opnå vores mål, mens øvrige risici holdes under kontrol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Arbejder løbende med udvikling af metoder, således at risikostyringen giver mest mulig værdi for projekterne.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da-DK" dirty="0"/>
              <a:t>CSRA: metode der mere nøjagtigt kan måle, hvor sandsynligt det er at et projekt færdiggøres til tiden og til prisen og samtidigt klarlægge hvilke risici der er årsagen til overskridels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3950988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esp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0554250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esper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0711532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Jesper + 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0269478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4547891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55410466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lvl="1"/>
            <a:r>
              <a:rPr lang="da-DK" dirty="0"/>
              <a:t>Trine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142437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png"/><Relationship Id="rId4" Type="http://schemas.openxmlformats.org/officeDocument/2006/relationships/image" Target="../media/image3.w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2038154"/>
            <a:ext cx="12191423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2040924"/>
            <a:ext cx="683568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83EB3E0-3341-498E-85B6-C250852B81FE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054062817" name="image" descr="{&quot;templafy&quot;:{&quot;id&quot;:&quot;95a8a328-6b2b-48ec-9b89-a3ead172b8e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40924"/>
            <a:ext cx="684000" cy="48204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443576634" name="image" descr="{&quot;templafy&quot;:{&quot;id&quot;:&quot;7e866dcf-d83a-4220-bf31-3ba4662079b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pic>
        <p:nvPicPr>
          <p:cNvPr id="785162373" name="image" descr="{&quot;templafy&quot;:{&quot;id&quot;:&quot;be72b890-092e-41c7-ab15-898570f105b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691471600" name="image" descr="{&quot;templafy&quot;:{&quot;id&quot;:&quot;2723bb8e-6c3a-4a00-b2c1-8eae706ed87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f794b886-9f55-4f23-a5a9-b75f9c7d8c72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sp>
        <p:nvSpPr>
          <p:cNvPr id="19" name="text" descr="{&quot;templafy&quot;:{&quot;id&quot;:&quot;9b4266f8-7a3f-4f24-8f13-935c124c26c1&quot;}}" hidden="1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69169964" name="image" descr="{&quot;templafy&quot;:{&quot;id&quot;:&quot;0dc1e66b-3e25-4fc6-add7-95cd6e9b7066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43501516" name="image" descr="{&quot;templafy&quot;:{&quot;id&quot;:&quot;55e37470-64b8-484a-96ee-c6d2643a48b8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pic>
        <p:nvPicPr>
          <p:cNvPr id="1157601184" name="image" descr="{&quot;templafy&quot;:{&quot;id&quot;:&quot;7ace5f11-1ea0-49c3-846c-615ba46df0b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55048830" name="image" descr="{&quot;templafy&quot;:{&quot;id&quot;:&quot;64ace599-318b-47d3-a198-4f7e104d7f9a&quot;}}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e0c4b6b9-fd5e-47fa-af52-2d62ac959eab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052423be-3805-47e5-b0aa-6e5b570bccf4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30" name="text" descr="{&quot;templafy&quot;:{&quot;id&quot;:&quot;12feea70-c054-4f9c-8c68-a2eb5f362541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31" name="text" descr="{&quot;templafy&quot;:{&quot;id&quot;:&quot;8a688d7d-e91f-4c6a-86f8-85d7469691ac&quot;}}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050278881" name="image" descr="{&quot;templafy&quot;:{&quot;id&quot;:&quot;18e93bfc-9586-4e31-8954-5e0537aa6f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2037600"/>
            <a:ext cx="684000" cy="4820400"/>
          </a:xfrm>
          <a:prstGeom prst="rect">
            <a:avLst/>
          </a:prstGeom>
        </p:spPr>
      </p:pic>
      <p:pic>
        <p:nvPicPr>
          <p:cNvPr id="810506840" name="image" descr="{&quot;templafy&quot;:{&quot;id&quot;:&quot;52eb86bf-d2ae-4503-94c2-981f78b1b07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359629722" name="image" descr="{&quot;templafy&quot;:{&quot;id&quot;:&quot;af5504fc-b9b8-4c97-864b-342c0a536b0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8720220a-761d-4406-b482-8137e2a0cd0a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68f9367d-7b9c-4fb1-b5d2-7537d86ef300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Enhed for byggestyring</a:t>
            </a:r>
          </a:p>
        </p:txBody>
      </p:sp>
      <p:sp>
        <p:nvSpPr>
          <p:cNvPr id="19" name="text" descr="{&quot;templafy&quot;:{&quot;id&quot;:&quot;6ac3ac71-34b3-43bf-9942-f5779b82ed08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22" name="text" descr="{&quot;templafy&quot;:{&quot;id&quot;:&quot;da8a70c4-ab01-424b-9893-48d3d14f027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tx1"/>
                </a:solidFill>
              </a:rPr>
              <a:t>Cost and Schedule Risk Analysis</a:t>
            </a:r>
          </a:p>
        </p:txBody>
      </p:sp>
      <p:pic>
        <p:nvPicPr>
          <p:cNvPr id="1176113036" name="image" descr="{&quot;templafy&quot;:{&quot;id&quot;:&quot;80a5fd1d-e4c9-4572-a51e-da422706017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67867865" name="image" descr="{&quot;templafy&quot;:{&quot;id&quot;:&quot;c6b79517-80f1-4c2c-89ba-c5cba5a59cf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475672325" name="image" descr="{&quot;templafy&quot;:{&quot;id&quot;:&quot;0f77dc8a-a743-4f19-b2cb-a9c33f652a3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9" name="text" descr="{&quot;templafy&quot;:{&quot;id&quot;:&quot;45be95ed-1734-47c8-b2d2-ba538fc15fe0&quot;}}" hidden="1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Leise Lund Sørensen</a:t>
            </a:r>
          </a:p>
        </p:txBody>
      </p:sp>
      <p:sp>
        <p:nvSpPr>
          <p:cNvPr id="30" name="text" descr="{&quot;templafy&quot;:{&quot;id&quot;:&quot;a2cabdc2-f47b-42dc-8898-ada09e6e6e03&quot;}}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498021416" name="image" descr="{&quot;templafy&quot;:{&quot;id&quot;:&quot;43a4d3ce-df1a-42b5-bd9c-49c02734d0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01578728" name="image" descr="{&quot;templafy&quot;:{&quot;id&quot;:&quot;6a0d65a3-00ee-4998-bf0e-85ac62e7c4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d892d5ef-40a7-4ddd-b18b-9fe2c48a1c85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df93e3a4-8174-4750-a1ce-694db089274a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3" name="text" descr="{&quot;templafy&quot;:{&quot;id&quot;:&quot;de1a425b-f5e6-4ad5-bb5a-505aefb17cc6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4" name="text" descr="{&quot;templafy&quot;:{&quot;id&quot;:&quot;479eb3eb-1f75-486c-8675-a1e317b8eb00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533839408" name="image" descr="{&quot;templafy&quot;:{&quot;id&quot;:&quot;945d8a97-360d-4b3b-89b6-d6e01c5c18a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56555351" name="image" descr="{&quot;templafy&quot;:{&quot;id&quot;:&quot;ab46bb72-2c12-49f0-a798-b7c68c41bc3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71274845" name="image" descr="{&quot;templafy&quot;:{&quot;id&quot;:&quot;6c21d19d-104d-4f9e-941c-d6e0475a1a0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451713566" name="image" descr="{&quot;templafy&quot;:{&quot;id&quot;:&quot;965f992b-a24f-40df-b0a0-7e46a9a6c3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17" name="text" descr="{&quot;templafy&quot;:{&quot;id&quot;:&quot;174e45e9-e2d5-4a6d-ad3f-6ff9d8379fb3&quot;}}" hidden="1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18" name="text" descr="{&quot;templafy&quot;:{&quot;id&quot;:&quot;8ca689a0-5da5-4731-9803-130d2cfedb85&quot;}}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728318245" name="image" descr="{&quot;templafy&quot;:{&quot;id&quot;:&quot;4ea56606-dc88-4e47-adba-1584de0ccb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481114994" name="image" descr="{&quot;templafy&quot;:{&quot;id&quot;:&quot;23d855d7-452f-4504-9ad5-e5855a9242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017200" y="50400"/>
            <a:ext cx="4176000" cy="619200"/>
          </a:xfrm>
          <a:prstGeom prst="rect">
            <a:avLst/>
          </a:prstGeom>
        </p:spPr>
      </p:pic>
      <p:pic>
        <p:nvPicPr>
          <p:cNvPr id="382394642" name="image" descr="{&quot;templafy&quot;:{&quot;id&quot;:&quot;e666ea8d-8cc4-4cd1-8edc-4c2b0d03213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554689762" name="image" descr="{&quot;templafy&quot;:{&quot;id&quot;:&quot;dd6cea99-e896-4ecf-b6d2-e7e7e180218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1be485cc-ac55-4332-8e44-243db879065a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27" name="text" descr="{&quot;templafy&quot;:{&quot;id&quot;:&quot;0bca2c45-df14-46f0-ad4e-830e2cf2ecd7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Enhed for byggestyring</a:t>
            </a:r>
          </a:p>
        </p:txBody>
      </p:sp>
      <p:sp>
        <p:nvSpPr>
          <p:cNvPr id="28" name="text" descr="{&quot;templafy&quot;:{&quot;id&quot;:&quot;20385e0c-6690-4468-a088-edb45aceffb4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Økonomi</a:t>
            </a:r>
          </a:p>
        </p:txBody>
      </p:sp>
      <p:sp>
        <p:nvSpPr>
          <p:cNvPr id="36" name="text" descr="{&quot;templafy&quot;:{&quot;id&quot;:&quot;6e87fcc8-1dc6-4460-b063-13208a3eae51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79313679" name="image" descr="{&quot;templafy&quot;:{&quot;id&quot;:&quot;15a8864a-40f9-4f0f-8404-5dc377602e0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37876618" name="image" descr="{&quot;templafy&quot;:{&quot;id&quot;:&quot;e6bb64fd-7b5f-4cbb-8b8e-5048853ce70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aaa8bf34-b478-474b-b0f3-5f88adfe913a&quot;}}" hidden="1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30" name="text" descr="{&quot;templafy&quot;:{&quot;id&quot;:&quot;0a07390e-d216-4c9e-a0c7-fc974f66ed16&quot;}}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e9971c37-27db-4a82-8e36-08eed342362d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7" name="text" descr="{&quot;templafy&quot;:{&quot;id&quot;:&quot;43ba2265-1772-49d5-96c7-e139d328393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8" name="text" descr="{&quot;templafy&quot;:{&quot;id&quot;:&quot;79518f6c-e5b6-4ade-b8a1-008f1c7da5ae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9" name="text" descr="{&quot;templafy&quot;:{&quot;id&quot;:&quot;80acb9f6-8734-4ef3-a573-6065b084e0ce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822175336" name="image" descr="{&quot;templafy&quot;:{&quot;id&quot;:&quot;1c5dbb9b-5d04-413e-95ec-698bc98f1a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86003267" name="image" descr="{&quot;templafy&quot;:{&quot;id&quot;:&quot;a0d6e854-6143-4881-831c-a845e11ac3e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74017732" name="image" descr="{&quot;templafy&quot;:{&quot;id&quot;:&quot;2de9f0ef-209e-4a6f-ac70-ba24e2b7a57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68752167" name="image" descr="{&quot;templafy&quot;:{&quot;id&quot;:&quot;8759044d-40f7-4f83-9d25-826b5f05fe4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19765782" name="image" descr="{&quot;templafy&quot;:{&quot;id&quot;:&quot;50a92ce5-000a-4f07-b949-49e6b68a7a6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1854342854" name="image" descr="{&quot;templafy&quot;:{&quot;id&quot;:&quot;9674ed36-084e-4aab-935f-f30264baefa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2" name="text" descr="{&quot;templafy&quot;:{&quot;id&quot;:&quot;9781f75f-d1aa-427f-b9ad-db2f97e349fa&quot;}}" hidden="1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3" name="text" descr="{&quot;templafy&quot;:{&quot;id&quot;:&quot;ee8254c1-0ffb-47f9-abb3-311fd44c395e&quot;}}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712ff73b-7558-456e-8d68-d8c2e69a26b2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1" name="text" descr="{&quot;templafy&quot;:{&quot;id&quot;:&quot;63a828ab-38b9-4355-8905-37d429161dc0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2" name="text" descr="{&quot;templafy&quot;:{&quot;id&quot;:&quot;d0636022-e68e-4c56-bbad-a0ee3a7728ac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3" name="text" descr="{&quot;templafy&quot;:{&quot;id&quot;:&quot;c9d8b949-102c-4fc7-a054-75e222588ce7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782788975" name="image" descr="{&quot;templafy&quot;:{&quot;id&quot;:&quot;4452b2f6-ef21-4c30-9aec-9e0fcf860e2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1950944" name="image" descr="{&quot;templafy&quot;:{&quot;id&quot;:&quot;a5fa4f31-06de-4cf5-b121-a165797be0a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38885955" name="image" descr="{&quot;templafy&quot;:{&quot;id&quot;:&quot;159eec10-f448-44da-a601-8926c449046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57516914" name="image" descr="{&quot;templafy&quot;:{&quot;id&quot;:&quot;dc787617-ceee-4419-8266-246b62c306d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83950729" name="image" descr="{&quot;templafy&quot;:{&quot;id&quot;:&quot;8bbc3c8d-6d73-4581-a629-da34a759de9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209446118" name="image" descr="{&quot;templafy&quot;:{&quot;id&quot;:&quot;0a4549f3-ae10-42ac-9c6b-f529de5a64d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6" name="text" descr="{&quot;templafy&quot;:{&quot;id&quot;:&quot;dbaa7093-93c4-4ccd-a91a-54e1d1427954&quot;}}" hidden="1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7" name="text" descr="{&quot;templafy&quot;:{&quot;id&quot;:&quot;653fbf29-107d-41f5-9e0a-7b79fad144df&quot;}}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3cd7928-6522-4278-8e67-81a5730fbab2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9dc2c28d-112a-44b7-a48d-8d76fcf58b4b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2" name="text" descr="{&quot;templafy&quot;:{&quot;id&quot;:&quot;1f47b0fa-2b1d-450a-9edf-e119c0db0dac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3" name="text" descr="{&quot;templafy&quot;:{&quot;id&quot;:&quot;a3e5882d-9e28-4ee1-9cc5-7211b6371422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832026748" name="image" descr="{&quot;templafy&quot;:{&quot;id&quot;:&quot;891bdfb8-597d-49e8-b0bb-320d8c5cf6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60850583" name="image" descr="{&quot;templafy&quot;:{&quot;id&quot;:&quot;11bf19fa-26de-42fa-a8bd-8e51b41cf63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71513647" name="image" descr="{&quot;templafy&quot;:{&quot;id&quot;:&quot;6a226e2a-b3a0-4246-a93a-aef95694dff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29887912" name="image" descr="{&quot;templafy&quot;:{&quot;id&quot;:&quot;1842bcf1-b394-405d-8c66-3e6c570fe74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71767392" name="image" descr="{&quot;templafy&quot;:{&quot;id&quot;:&quot;4ecbd760-4423-4d67-a8d3-c2aafc726d0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647962991" name="image" descr="{&quot;templafy&quot;:{&quot;id&quot;:&quot;1c76cc91-73ac-42e5-80b3-98897ea5f36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6f5e4512-3985-40f0-9041-821f91e9a624&quot;}}" hidden="1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6" name="text" descr="{&quot;templafy&quot;:{&quot;id&quot;:&quot;bd410255-3f6f-4ee6-90fe-bd7f39509b83&quot;}}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c2c069e0-3157-416b-8d33-ae0b13d96a2c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9" name="text" descr="{&quot;templafy&quot;:{&quot;id&quot;:&quot;a325e4af-cc8c-4e0e-a6f3-d4236b158365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0" name="text" descr="{&quot;templafy&quot;:{&quot;id&quot;:&quot;4349717e-4d7f-432c-a4c0-191b2bd8a71f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2" name="text" descr="{&quot;templafy&quot;:{&quot;id&quot;:&quot;143f3854-a2f3-4e82-9066-0b3d5a435693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1317528485" name="image" descr="{&quot;templafy&quot;:{&quot;id&quot;:&quot;e6f999df-3329-4e51-8f68-234e9dcd4c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33726976" name="image" descr="{&quot;templafy&quot;:{&quot;id&quot;:&quot;36bfd91e-8168-443d-8ac5-96565405617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81186559" name="image" descr="{&quot;templafy&quot;:{&quot;id&quot;:&quot;1fa33447-8af6-40d1-bc2b-916d0ab81ba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32289417" name="image" descr="{&quot;templafy&quot;:{&quot;id&quot;:&quot;a122871f-85a6-49e3-a232-26e54e7270a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52005073" name="image" descr="{&quot;templafy&quot;:{&quot;id&quot;:&quot;7cf2be9e-4e65-4ba4-a22a-a21ca40748c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460964277" name="image" descr="{&quot;templafy&quot;:{&quot;id&quot;:&quot;f5247b0b-6838-468e-93cb-429e42a363e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de9e232a-b4ea-4e70-9898-51c03ce7fb63&quot;}}" hidden="1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6" name="text" descr="{&quot;templafy&quot;:{&quot;id&quot;:&quot;e76b1379-e650-48a9-b033-79c3f21be0e3&quot;}}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7e5a9f4-4dda-4a84-91b3-b9a49a9d0dba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4aeb0051-44a2-4fdf-92d5-8b7bea110021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3" name="text" descr="{&quot;templafy&quot;:{&quot;id&quot;:&quot;6fd03589-9073-4ab4-a77b-35cd6611fe5c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4" name="text" descr="{&quot;templafy&quot;:{&quot;id&quot;:&quot;5e2ce235-69e8-4e84-aad7-c3c704d426a7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1983047422" name="image" descr="{&quot;templafy&quot;:{&quot;id&quot;:&quot;ea56fa2c-0d6a-4c98-bf92-42869a5e6f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554799462" name="image" descr="{&quot;templafy&quot;:{&quot;id&quot;:&quot;0d497fac-1fc3-4903-b764-f99ca5cdd63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33828666" name="image" descr="{&quot;templafy&quot;:{&quot;id&quot;:&quot;23a97c5e-2bef-4419-b4b0-9ac2a669e2e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64572160" name="image" descr="{&quot;templafy&quot;:{&quot;id&quot;:&quot;332c5a88-e146-4187-b972-8ba6643bfe3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59129477" name="image" descr="{&quot;templafy&quot;:{&quot;id&quot;:&quot;2cc57104-b6b8-4518-a383-0a6338307ff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1410098479" name="image" descr="{&quot;templafy&quot;:{&quot;id&quot;:&quot;de354b96-5760-4032-83b6-e216361c04b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8" name="text" descr="{&quot;templafy&quot;:{&quot;id&quot;:&quot;4358fbbd-d2db-481b-b703-9fef0beaf61e&quot;}}" hidden="1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9" name="text" descr="{&quot;templafy&quot;:{&quot;id&quot;:&quot;ebb3b8c6-8daa-4d77-b363-8075ac43392b&quot;}}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31f93b12-208b-4e2d-9cc9-047f5cb101dd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1b81e4ec-0007-45c6-8fbb-1ebbb764b2b4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1" name="text" descr="{&quot;templafy&quot;:{&quot;id&quot;:&quot;181731f6-5f56-4ba8-b13d-6ca60a1cebac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2" name="text" descr="{&quot;templafy&quot;:{&quot;id&quot;:&quot;9f3e0347-a5d5-429a-8c09-9e2026584128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2130020547" name="image" descr="{&quot;templafy&quot;:{&quot;id&quot;:&quot;14e8fc18-55cb-4bd9-93ef-001ace1941c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47371724" name="image" descr="{&quot;templafy&quot;:{&quot;id&quot;:&quot;2854ec82-07d2-4a54-b2b6-2a069cc9b4e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6974708" name="image" descr="{&quot;templafy&quot;:{&quot;id&quot;:&quot;fc6afb91-7d8f-4ff5-ac1d-731d5fa5ae2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682499018" name="image" descr="{&quot;templafy&quot;:{&quot;id&quot;:&quot;72af0ae3-8b32-4327-a837-f230d95b58d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77498644" name="image" descr="{&quot;templafy&quot;:{&quot;id&quot;:&quot;a9808e88-6a58-47ae-ab0a-0c7b63e829f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1805790326" name="image" descr="{&quot;templafy&quot;:{&quot;id&quot;:&quot;5a6d78be-6b1e-4e5a-81cc-61eb17a6caf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20f41768-6d57-4c05-8c4b-fa339fee46b4&quot;}}" hidden="1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6" name="text" descr="{&quot;templafy&quot;:{&quot;id&quot;:&quot;35925ba3-96e9-4aba-9a7b-1337bd0a3d3f&quot;}}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e1a91f74-44c1-4776-b238-dedc2077d2c1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6d729020-9c9c-401f-ac8b-6d25b5bc1ee8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1" name="text" descr="{&quot;templafy&quot;:{&quot;id&quot;:&quot;2067aa9c-4bfa-467b-8ff2-f7a373987bf9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2" name="text" descr="{&quot;templafy&quot;:{&quot;id&quot;:&quot;08fc13ea-fc6f-4246-95d5-0a82b532706a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313040655" name="image" descr="{&quot;templafy&quot;:{&quot;id&quot;:&quot;b43d06f0-fb3e-4971-83af-7871e551b19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44424492" name="image" descr="{&quot;templafy&quot;:{&quot;id&quot;:&quot;547c7e10-5e50-4ee8-9785-09fbc98656e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40671852" name="image" descr="{&quot;templafy&quot;:{&quot;id&quot;:&quot;a3bd9a53-dcbb-4d09-853e-2857a665fc4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42024364" name="image" descr="{&quot;templafy&quot;:{&quot;id&quot;:&quot;fda6a47f-827b-4717-b8ec-70dfac2ac14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8288372" name="image" descr="{&quot;templafy&quot;:{&quot;id&quot;:&quot;f09beb41-48af-408c-b7d8-1e26968f64f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2041885597" name="image" descr="{&quot;templafy&quot;:{&quot;id&quot;:&quot;b72300af-d3bf-4f48-a353-8e1ddd6318c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6" name="text" descr="{&quot;templafy&quot;:{&quot;id&quot;:&quot;8204ea70-6e31-440f-8b51-8d0356d75b10&quot;}}" hidden="1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7" name="text" descr="{&quot;templafy&quot;:{&quot;id&quot;:&quot;78171883-3b44-48f0-a53c-50715fb1bd79&quot;}}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1c943a70-27aa-4099-9226-cc930b88c183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3a6a86ba-e4db-423b-902d-61e45637002c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Enhed for byggestyring</a:t>
            </a:r>
          </a:p>
        </p:txBody>
      </p:sp>
      <p:sp>
        <p:nvSpPr>
          <p:cNvPr id="16" name="text" descr="{&quot;templafy&quot;:{&quot;id&quot;:&quot;e73b1e4a-9b38-4456-afb4-90bb405d1354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Økonomi</a:t>
            </a:r>
          </a:p>
        </p:txBody>
      </p:sp>
      <p:sp>
        <p:nvSpPr>
          <p:cNvPr id="18" name="text" descr="{&quot;templafy&quot;:{&quot;id&quot;:&quot;381f3b7f-858a-4ae4-9f29-f4e0dcd65347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000" dirty="0">
                <a:solidFill>
                  <a:schemeClr val="bg1"/>
                </a:solidFill>
              </a:rPr>
              <a:t>Cost and Schedule Risk Analysis</a:t>
            </a:r>
          </a:p>
        </p:txBody>
      </p:sp>
      <p:pic>
        <p:nvPicPr>
          <p:cNvPr id="550956839" name="image" descr="{&quot;templafy&quot;:{&quot;id&quot;:&quot;3698d05a-07d6-45da-bd72-49a6dae9e23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4489579" name="image" descr="{&quot;templafy&quot;:{&quot;id&quot;:&quot;35f668d8-d98b-445e-95e8-2c7c2fe5867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24897834" name="image" descr="{&quot;templafy&quot;:{&quot;id&quot;:&quot;9f6ed95d-4cc9-4a5e-a9e5-e4a0d7768e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69933461" name="image" descr="{&quot;templafy&quot;:{&quot;id&quot;:&quot;dc1ae56c-3b3d-4279-b356-5c41fca8d63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62213692" name="image" descr="{&quot;templafy&quot;:{&quot;id&quot;:&quot;2ad90016-2dcd-4a3b-b909-9d4244b028d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2111807949" name="image" descr="{&quot;templafy&quot;:{&quot;id&quot;:&quot;bb398ac6-a551-4a0a-a9a8-c6630d04150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0" name="text" descr="{&quot;templafy&quot;:{&quot;id&quot;:&quot;7c97d690-5f92-4472-aaed-9b515e15fde8&quot;}}" hidden="1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Leise Lund Sørensen</a:t>
            </a:r>
          </a:p>
        </p:txBody>
      </p:sp>
      <p:sp>
        <p:nvSpPr>
          <p:cNvPr id="21" name="text" descr="{&quot;templafy&quot;:{&quot;id&quot;:&quot;9a443786-5a31-46f9-8e8b-4a842de9084b&quot;}}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18. september 2019</a:t>
            </a:r>
          </a:p>
        </p:txBody>
      </p:sp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e8b06780-0536-4f35-8baf-042ef50de9e0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9" r:id="rId3"/>
    <p:sldLayoutId id="2147483660" r:id="rId4"/>
    <p:sldLayoutId id="2147483664" r:id="rId5"/>
    <p:sldLayoutId id="2147483665" r:id="rId6"/>
    <p:sldLayoutId id="2147483662" r:id="rId7"/>
    <p:sldLayoutId id="2147483668" r:id="rId8"/>
    <p:sldLayoutId id="2147483669" r:id="rId9"/>
    <p:sldLayoutId id="2147483658" r:id="rId10"/>
    <p:sldLayoutId id="2147483655" r:id="rId11"/>
    <p:sldLayoutId id="2147483663" r:id="rId12"/>
    <p:sldLayoutId id="2147483667" r:id="rId13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emf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2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16.png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 err="1"/>
              <a:t>Cost</a:t>
            </a:r>
            <a:r>
              <a:rPr lang="da-DK" dirty="0"/>
              <a:t> &amp; Schedule risiko analyser (CSRA)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397373" y="4437112"/>
            <a:ext cx="9433105" cy="888504"/>
          </a:xfrm>
        </p:spPr>
        <p:txBody>
          <a:bodyPr/>
          <a:lstStyle/>
          <a:p>
            <a:r>
              <a:rPr lang="da-DK" dirty="0"/>
              <a:t>Leise Lund Sørensen, Seniorkonsulent, Enhed for Byggestyring </a:t>
            </a:r>
          </a:p>
          <a:p>
            <a:r>
              <a:rPr lang="da-DK" dirty="0"/>
              <a:t>Trine Juhl Nielsen, Specialkonsulent, Det Nye Rigshospital</a:t>
            </a:r>
          </a:p>
          <a:p>
            <a:r>
              <a:rPr lang="da-DK" dirty="0"/>
              <a:t>Jesper Lyng Jensen, Ekstern Konsulent, Mimer Consulting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SRA på it og </a:t>
            </a:r>
            <a:r>
              <a:rPr lang="da-DK" dirty="0" err="1"/>
              <a:t>medico</a:t>
            </a:r>
            <a:r>
              <a:rPr lang="da-DK" dirty="0"/>
              <a:t> leverancer til Nordfløje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0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360000" lvl="1" indent="0">
              <a:buNone/>
            </a:pPr>
            <a:r>
              <a:rPr lang="da-DK" b="1" dirty="0"/>
              <a:t>CSRA workshop den 16. november 2018</a:t>
            </a:r>
          </a:p>
          <a:p>
            <a:pPr marL="360000" lvl="1" indent="0">
              <a:buNone/>
            </a:pPr>
            <a:r>
              <a:rPr lang="da-DK" dirty="0"/>
              <a:t>Primære formål at afdække afhængigheder på tværs af it, </a:t>
            </a:r>
            <a:r>
              <a:rPr lang="da-DK" dirty="0" err="1"/>
              <a:t>medico</a:t>
            </a:r>
            <a:r>
              <a:rPr lang="da-DK" dirty="0"/>
              <a:t> og byggeprojektets leverancer</a:t>
            </a:r>
          </a:p>
          <a:p>
            <a:pPr marL="360000" lvl="1" indent="0">
              <a:buNone/>
            </a:pPr>
            <a:r>
              <a:rPr lang="da-DK" dirty="0"/>
              <a:t>Praktiske forudsætninger for workshoppen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     tidsplaner er opdateret 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     deltagerne har et et godt kendskab til leverancens processer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     tiden er reserveret og prioriteret hos alle deltagerne </a:t>
            </a:r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lvl="1"/>
            <a:endParaRPr lang="da-DK" dirty="0"/>
          </a:p>
          <a:p>
            <a:pPr lvl="1"/>
            <a:endParaRPr lang="da-DK" dirty="0"/>
          </a:p>
          <a:p>
            <a:pPr lvl="1"/>
            <a:endParaRPr lang="da-DK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</p:txBody>
      </p:sp>
    </p:spTree>
    <p:extLst>
      <p:ext uri="{BB962C8B-B14F-4D97-AF65-F5344CB8AC3E}">
        <p14:creationId xmlns:p14="http://schemas.microsoft.com/office/powerpoint/2010/main" val="242538354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rfaringerne fra CSRA workshoppen delprojekt IMT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1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Identificeret afhængigheder hvor det var nødvendigt at planlægge på tværs af tidsplanerne fx rækkefølge på switche.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 Afdækket konsekvenserne af hvis en leverance bliver forsinket over i de andre deltidsplaner.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Identificerede aktiviteter der skulle ind i en tidsplan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Muligheder for synergier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Et fælles projekt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Risikoen for IMT leverancerne ikke bliver klar til ibrugtagningen, blev reduceret ved gennemførelsen af CSRA.</a:t>
            </a:r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r>
              <a:rPr lang="da-DK" dirty="0"/>
              <a:t> </a:t>
            </a:r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</p:txBody>
      </p:sp>
    </p:spTree>
    <p:extLst>
      <p:ext uri="{BB962C8B-B14F-4D97-AF65-F5344CB8AC3E}">
        <p14:creationId xmlns:p14="http://schemas.microsoft.com/office/powerpoint/2010/main" val="123465041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872716"/>
            <a:ext cx="10137524" cy="497295"/>
          </a:xfrm>
        </p:spPr>
        <p:txBody>
          <a:bodyPr/>
          <a:lstStyle/>
          <a:p>
            <a:r>
              <a:rPr lang="da-DK" dirty="0"/>
              <a:t>CSRA på mastertidsplanen aktivering af Nordfløje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370011"/>
            <a:ext cx="10136614" cy="4117978"/>
          </a:xfrm>
        </p:spPr>
        <p:txBody>
          <a:bodyPr/>
          <a:lstStyle/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609F09A-BC63-41F9-BBC6-1297EDC8787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47528" y="1370011"/>
            <a:ext cx="8424936" cy="4100263"/>
          </a:xfrm>
          <a:prstGeom prst="rect">
            <a:avLst/>
          </a:prstGeom>
        </p:spPr>
      </p:pic>
      <p:sp>
        <p:nvSpPr>
          <p:cNvPr id="7" name="Rektangel 6">
            <a:extLst>
              <a:ext uri="{FF2B5EF4-FFF2-40B4-BE49-F238E27FC236}">
                <a16:creationId xmlns:a16="http://schemas.microsoft.com/office/drawing/2014/main" id="{1DD1AE28-48C4-41BA-AF76-56A951C558A7}"/>
              </a:ext>
            </a:extLst>
          </p:cNvPr>
          <p:cNvSpPr/>
          <p:nvPr/>
        </p:nvSpPr>
        <p:spPr>
          <a:xfrm>
            <a:off x="2639616" y="2564905"/>
            <a:ext cx="3240360" cy="576064"/>
          </a:xfrm>
          <a:prstGeom prst="rect">
            <a:avLst/>
          </a:prstGeom>
          <a:solidFill>
            <a:schemeClr val="bg1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 err="1"/>
              <a:t>H</a:t>
            </a:r>
            <a:r>
              <a:rPr lang="da-DK" dirty="0" err="1">
                <a:solidFill>
                  <a:schemeClr val="tx1"/>
                </a:solidFill>
              </a:rPr>
              <a:t>Hvilke</a:t>
            </a:r>
            <a:r>
              <a:rPr lang="da-DK" dirty="0">
                <a:solidFill>
                  <a:schemeClr val="tx1"/>
                </a:solidFill>
              </a:rPr>
              <a:t> aktiviteter er afhængige er hinanden?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376581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rfaringerne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3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lvl="1">
              <a:buFont typeface="Wingdings" panose="05000000000000000000" pitchFamily="2" charset="2"/>
              <a:buChar char="ü"/>
            </a:pPr>
            <a:endParaRPr lang="da-DK" dirty="0"/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Afdækket konsekvenser af forsinkelser på enkelte aktiviteter over i de andre deltidsplaner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Hvor meget kan vi tåle at en aktivitet bliver forsinket? Kaskade effekten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Nye opgaver med scenarie analyse for kritiske leverancer fx depotopfyldning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Fælles forståelse af mastertidsplanen</a:t>
            </a:r>
          </a:p>
          <a:p>
            <a:pPr lvl="1">
              <a:buFont typeface="Wingdings" panose="05000000000000000000" pitchFamily="2" charset="2"/>
              <a:buChar char="ü"/>
            </a:pPr>
            <a:r>
              <a:rPr lang="da-DK" dirty="0"/>
              <a:t>Robust plan</a:t>
            </a:r>
          </a:p>
          <a:p>
            <a:pPr marL="360000" lvl="1" indent="0">
              <a:buNone/>
            </a:pPr>
            <a:endParaRPr lang="da-DK" dirty="0"/>
          </a:p>
          <a:p>
            <a:pPr lvl="1">
              <a:buFont typeface="Wingdings" panose="05000000000000000000" pitchFamily="2" charset="2"/>
              <a:buChar char="ü"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lvl="1">
              <a:buFont typeface="Wingdings" panose="05000000000000000000" pitchFamily="2" charset="2"/>
              <a:buChar char="ü"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r>
              <a:rPr lang="da-DK" dirty="0"/>
              <a:t> </a:t>
            </a:r>
          </a:p>
          <a:p>
            <a:pPr marL="360000" lvl="1" indent="0">
              <a:buNone/>
            </a:pPr>
            <a:endParaRPr lang="da-DK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</p:txBody>
      </p:sp>
    </p:spTree>
    <p:extLst>
      <p:ext uri="{BB962C8B-B14F-4D97-AF65-F5344CB8AC3E}">
        <p14:creationId xmlns:p14="http://schemas.microsoft.com/office/powerpoint/2010/main" val="388624126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SRA – skal vi bruge det noget mere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CSRA er relativt ukendt i byggebranchen</a:t>
            </a:r>
          </a:p>
          <a:p>
            <a:pPr lvl="1"/>
            <a:r>
              <a:rPr lang="da-DK" dirty="0"/>
              <a:t>I </a:t>
            </a:r>
            <a:r>
              <a:rPr lang="da-DK" dirty="0" err="1"/>
              <a:t>mega</a:t>
            </a:r>
            <a:r>
              <a:rPr lang="da-DK" dirty="0"/>
              <a:t>-projekt industrier er det relativt velkendt</a:t>
            </a:r>
          </a:p>
          <a:p>
            <a:r>
              <a:rPr lang="da-DK" dirty="0"/>
              <a:t>CSRA er risikostyring der kan tages helt ud i skurvognen og helt ned på det mest detaljeret niveau af projektet</a:t>
            </a:r>
          </a:p>
          <a:p>
            <a:r>
              <a:rPr lang="da-DK" dirty="0"/>
              <a:t>Rigtig mange uønskede begivenheder er produktet af problemer på aktiviteter og uforudsete kaskadeeffekter</a:t>
            </a:r>
          </a:p>
          <a:p>
            <a:pPr lvl="1"/>
            <a:r>
              <a:rPr lang="da-DK" dirty="0"/>
              <a:t>CSRA øger robustheden af planen </a:t>
            </a:r>
          </a:p>
        </p:txBody>
      </p:sp>
    </p:spTree>
    <p:extLst>
      <p:ext uri="{BB962C8B-B14F-4D97-AF65-F5344CB8AC3E}">
        <p14:creationId xmlns:p14="http://schemas.microsoft.com/office/powerpoint/2010/main" val="283744648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2481BEA-BC1D-42DA-A9BD-AFB6AB6E97C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iskussio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B5CB34B-3632-4576-BF9F-8F75D923625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5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CBC21B7B-B2B9-4B47-BAD4-1AA1080CB46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97450862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BEF2A61-C6D7-46AF-9C20-ADB28805C4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genda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32C83FF8-E817-4539-B0D2-E874BA64B23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6574C0F-4DFE-4B03-B4CC-B0835AB8713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Risikostyring i Region Hovedstaden</a:t>
            </a:r>
          </a:p>
          <a:p>
            <a:r>
              <a:rPr lang="da-DK" dirty="0"/>
              <a:t>Introduktion til CSRA</a:t>
            </a:r>
          </a:p>
          <a:p>
            <a:r>
              <a:rPr lang="da-DK" dirty="0"/>
              <a:t>CSRA anvendt på det Nye Rigshospitalet og i CIMT</a:t>
            </a:r>
          </a:p>
          <a:p>
            <a:r>
              <a:rPr lang="da-DK" dirty="0"/>
              <a:t>Erfaringer fra brugen af CSRA i et projekt</a:t>
            </a:r>
          </a:p>
        </p:txBody>
      </p:sp>
    </p:spTree>
    <p:extLst>
      <p:ext uri="{BB962C8B-B14F-4D97-AF65-F5344CB8AC3E}">
        <p14:creationId xmlns:p14="http://schemas.microsoft.com/office/powerpoint/2010/main" val="420363931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Risikostyring i Region Hovedstade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Risikostyringen i Region Hovedstaden følger ISO 31000 Risk Management – </a:t>
            </a:r>
            <a:r>
              <a:rPr lang="da-DK" dirty="0" err="1"/>
              <a:t>Principles</a:t>
            </a:r>
            <a:r>
              <a:rPr lang="da-DK" dirty="0"/>
              <a:t> and Guidelines</a:t>
            </a:r>
          </a:p>
          <a:p>
            <a:r>
              <a:rPr lang="da-DK" dirty="0"/>
              <a:t>Rammer og proces er beskrevet i ”Region Hovedstadens Risikostyringsmanual”</a:t>
            </a:r>
          </a:p>
          <a:p>
            <a:r>
              <a:rPr lang="da-DK" dirty="0"/>
              <a:t>Risikostyring er implementeret lokalt på alle projekterne, hvor processen ledes af en Risk Manager</a:t>
            </a:r>
          </a:p>
          <a:p>
            <a:r>
              <a:rPr lang="da-DK" dirty="0"/>
              <a:t>Risikostyring er en ledelsesdisciplin og anvendes på projektledelsesniveau og i væsentlige underliggende strukturer</a:t>
            </a:r>
          </a:p>
          <a:p>
            <a:r>
              <a:rPr lang="da-DK" dirty="0"/>
              <a:t>På forsøgsbasis har CSRA været anvendt på enkelte projekter</a:t>
            </a:r>
          </a:p>
        </p:txBody>
      </p:sp>
    </p:spTree>
    <p:extLst>
      <p:ext uri="{BB962C8B-B14F-4D97-AF65-F5344CB8AC3E}">
        <p14:creationId xmlns:p14="http://schemas.microsoft.com/office/powerpoint/2010/main" val="334667595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ktion til CSRA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8" y="1989138"/>
            <a:ext cx="10344625" cy="3888133"/>
          </a:xfrm>
        </p:spPr>
        <p:txBody>
          <a:bodyPr/>
          <a:lstStyle/>
          <a:p>
            <a:r>
              <a:rPr lang="da-DK" dirty="0" err="1"/>
              <a:t>Cost</a:t>
            </a:r>
            <a:r>
              <a:rPr lang="da-DK" dirty="0"/>
              <a:t> and Schedule Risk Analysis (CSRA) er en metode inden for risikostyring </a:t>
            </a:r>
          </a:p>
          <a:p>
            <a:r>
              <a:rPr lang="da-DK" dirty="0"/>
              <a:t>CSRA ligger i grænselandet til planlægning (budgettering, tidsplaner og ressourcestyring)</a:t>
            </a:r>
          </a:p>
          <a:p>
            <a:r>
              <a:rPr lang="da-DK" dirty="0"/>
              <a:t>En CSRA afviger fra traditionel risikostyring ved:</a:t>
            </a:r>
          </a:p>
          <a:p>
            <a:pPr lvl="1"/>
            <a:r>
              <a:rPr lang="da-DK" dirty="0"/>
              <a:t>Mere tidskrævende</a:t>
            </a:r>
          </a:p>
          <a:p>
            <a:pPr lvl="1"/>
            <a:r>
              <a:rPr lang="da-DK" dirty="0"/>
              <a:t>Kan kræve specialiseret software</a:t>
            </a:r>
          </a:p>
          <a:p>
            <a:pPr lvl="1"/>
            <a:r>
              <a:rPr lang="da-DK" dirty="0"/>
              <a:t>Tager sit udgangspunkt i planen (kan ikke laves, hvis der ikke er en detaljeret plan)</a:t>
            </a:r>
          </a:p>
          <a:p>
            <a:pPr lvl="2"/>
            <a:r>
              <a:rPr lang="da-DK" dirty="0"/>
              <a:t>Jo mere omfattende, jo mere kompleks og jo flere interessenter der er involveret – jo mere værdifuld er en CSRA.</a:t>
            </a:r>
          </a:p>
        </p:txBody>
      </p:sp>
    </p:spTree>
    <p:extLst>
      <p:ext uri="{BB962C8B-B14F-4D97-AF65-F5344CB8AC3E}">
        <p14:creationId xmlns:p14="http://schemas.microsoft.com/office/powerpoint/2010/main" val="32381087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ktion til CSRA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5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CSRA identificerer alle risici som planlægningsrisici</a:t>
            </a:r>
          </a:p>
          <a:p>
            <a:r>
              <a:rPr lang="da-DK" dirty="0"/>
              <a:t>En projektplan, som repræsenteret ved eksempelvis et </a:t>
            </a:r>
            <a:r>
              <a:rPr lang="da-DK" dirty="0" err="1"/>
              <a:t>Gantt</a:t>
            </a:r>
            <a:r>
              <a:rPr lang="da-DK" dirty="0"/>
              <a:t> kort er grundlæggende en række enkeltpunkt estimater med afhængigheder</a:t>
            </a:r>
          </a:p>
          <a:p>
            <a:r>
              <a:rPr lang="da-DK" dirty="0"/>
              <a:t>I en CSRA tager vi udgangspunkt i planen gennemgår aktivitet for aktivitet og identificerer risiko</a:t>
            </a:r>
          </a:p>
          <a:p>
            <a:r>
              <a:rPr lang="da-DK" dirty="0"/>
              <a:t>Ved at bruge planen som udgangspunkt opnås en systematik og et detaljeniveau som ofte er væsentligt højere end i traditionel interviewbaseret risikostyring</a:t>
            </a:r>
          </a:p>
        </p:txBody>
      </p:sp>
    </p:spTree>
    <p:extLst>
      <p:ext uri="{BB962C8B-B14F-4D97-AF65-F5344CB8AC3E}">
        <p14:creationId xmlns:p14="http://schemas.microsoft.com/office/powerpoint/2010/main" val="280251357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roduktion til CSRA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6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700716"/>
            <a:ext cx="10136614" cy="4904235"/>
          </a:xfrm>
        </p:spPr>
        <p:txBody>
          <a:bodyPr/>
          <a:lstStyle/>
          <a:p>
            <a:endParaRPr lang="da-DK" dirty="0"/>
          </a:p>
          <a:p>
            <a:r>
              <a:rPr lang="da-DK" dirty="0"/>
              <a:t>Der er mange måder at lave en CSRA, og det kan tage fra 4 timer til 2 måneder, og det kan leves med simpelt udstyr eller med højt specialiseret programmer</a:t>
            </a:r>
          </a:p>
          <a:p>
            <a:r>
              <a:rPr lang="da-DK" dirty="0"/>
              <a:t> CSRA  gennemført på Nordfløjens mastertidsplan tager 6-8 timer + opfølgning</a:t>
            </a:r>
          </a:p>
          <a:p>
            <a:r>
              <a:rPr lang="da-DK" dirty="0"/>
              <a:t>Alle interessenter indkaldes (Byggeprojektet, Flytteprogrammet, Center for IT, Center for Ejendomme, RH servicecenter, Enhed for Byggestyring)</a:t>
            </a:r>
          </a:p>
          <a:p>
            <a:r>
              <a:rPr lang="da-DK" dirty="0"/>
              <a:t>Alle aktiviteter gennemgås én ad gangen. Risiko identificeres, konsekvenser vurderes og der laves aftale om forebyggende handlinger</a:t>
            </a:r>
          </a:p>
        </p:txBody>
      </p:sp>
    </p:spTree>
    <p:extLst>
      <p:ext uri="{BB962C8B-B14F-4D97-AF65-F5344CB8AC3E}">
        <p14:creationId xmlns:p14="http://schemas.microsoft.com/office/powerpoint/2010/main" val="410327528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7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A9A3AF9F-93E6-4A73-B3AE-2EF56BB9E74B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160"/>
          <a:stretch/>
        </p:blipFill>
        <p:spPr>
          <a:xfrm>
            <a:off x="715812" y="872716"/>
            <a:ext cx="8568952" cy="3279326"/>
          </a:xfrm>
          <a:prstGeom prst="rect">
            <a:avLst/>
          </a:prstGeom>
        </p:spPr>
      </p:pic>
      <p:pic>
        <p:nvPicPr>
          <p:cNvPr id="6" name="Billede 5">
            <a:extLst>
              <a:ext uri="{FF2B5EF4-FFF2-40B4-BE49-F238E27FC236}">
                <a16:creationId xmlns:a16="http://schemas.microsoft.com/office/drawing/2014/main" id="{B1688888-6670-4245-8D13-9368E6D9917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174511" y="2054153"/>
            <a:ext cx="7330102" cy="41231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3617702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ases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8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Offshore Platform i Olie og Gas industrien (16 mia. kr.), Totalentreprise, Udførelsen</a:t>
            </a:r>
          </a:p>
          <a:p>
            <a:r>
              <a:rPr lang="da-DK" dirty="0"/>
              <a:t>P-hus (80 mio. kr.), Totalentreprise, Udførelsen</a:t>
            </a:r>
          </a:p>
          <a:p>
            <a:r>
              <a:rPr lang="da-DK" dirty="0"/>
              <a:t>Kontor renoveringsprojekt (40 mio. kr.), Storeentreprise, Udførelsen</a:t>
            </a:r>
          </a:p>
          <a:p>
            <a:pPr marL="0" indent="0">
              <a:buNone/>
            </a:pPr>
            <a:r>
              <a:rPr lang="da-DK" dirty="0"/>
              <a:t>   Mastertidsplan aktiveringsperioden for Nordfløjen.</a:t>
            </a:r>
          </a:p>
          <a:p>
            <a:r>
              <a:rPr lang="da-DK" dirty="0"/>
              <a:t>CIMT bygherre leverancer til Nordfløjen</a:t>
            </a:r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1008972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364F051-E93E-463B-A2FE-A8C8615D1FB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rfaringer med brugen af afhængighedsanalyser –CSRA - , Det Nye Rigshospital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A8D3DB0-40E7-4714-A2A0-735EDBBFED3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9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5DF70863-FD46-4DBC-9B47-37F4FF25D934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Der er en risiko for IMT leverancerne ikke bliver klar til ibrugtagningen, årsagen er at afhængigheder i udførslen ikke er kendte</a:t>
            </a:r>
          </a:p>
          <a:p>
            <a:r>
              <a:rPr lang="da-DK" dirty="0"/>
              <a:t>Forebyggende handling: CSRA workshop it og </a:t>
            </a:r>
            <a:r>
              <a:rPr lang="da-DK" dirty="0" err="1"/>
              <a:t>medico</a:t>
            </a:r>
            <a:r>
              <a:rPr lang="da-DK" dirty="0"/>
              <a:t> leverancer til Nordfløjen</a:t>
            </a:r>
          </a:p>
          <a:p>
            <a:pPr marL="0" indent="0">
              <a:buNone/>
            </a:pPr>
            <a:r>
              <a:rPr lang="da-DK" dirty="0"/>
              <a:t>   Tre delspor </a:t>
            </a:r>
            <a:r>
              <a:rPr lang="da-DK" dirty="0" err="1"/>
              <a:t>medico</a:t>
            </a:r>
            <a:r>
              <a:rPr lang="da-DK" dirty="0"/>
              <a:t>, it og byggeprojektets leverancer </a:t>
            </a:r>
          </a:p>
          <a:p>
            <a:pPr marL="0" indent="0">
              <a:buNone/>
            </a:pPr>
            <a:r>
              <a:rPr lang="da-DK" dirty="0"/>
              <a:t>  </a:t>
            </a:r>
          </a:p>
          <a:p>
            <a:pPr marL="0" indent="0">
              <a:buNone/>
            </a:pPr>
            <a:endParaRPr lang="da-DK" b="1" dirty="0"/>
          </a:p>
          <a:p>
            <a:pPr marL="0" indent="0">
              <a:buNone/>
            </a:pPr>
            <a:endParaRPr lang="da-DK" b="1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marL="360000" lvl="1" indent="0">
              <a:buNone/>
            </a:pPr>
            <a:endParaRPr lang="da-DK" u="sng" dirty="0"/>
          </a:p>
          <a:p>
            <a:pPr lvl="1"/>
            <a:endParaRPr lang="da-DK" dirty="0"/>
          </a:p>
          <a:p>
            <a:pPr lvl="1"/>
            <a:r>
              <a:rPr lang="da-DK" dirty="0"/>
              <a:t>Risici blev identificeret og konkrete tiltag besluttet</a:t>
            </a:r>
          </a:p>
          <a:p>
            <a:pPr lvl="1"/>
            <a:r>
              <a:rPr lang="da-DK" dirty="0"/>
              <a:t>Konflikter til andre planer blev identificeret</a:t>
            </a:r>
          </a:p>
          <a:p>
            <a:pPr lvl="1"/>
            <a:r>
              <a:rPr lang="da-DK" dirty="0"/>
              <a:t>Synergier og effektiviseringer/ muligheder blev identificeret</a:t>
            </a:r>
          </a:p>
          <a:p>
            <a:r>
              <a:rPr lang="da-DK" dirty="0"/>
              <a:t>Stort engagement blandt deltagerne</a:t>
            </a:r>
          </a:p>
          <a:p>
            <a:pPr lvl="1"/>
            <a:r>
              <a:rPr lang="da-DK" dirty="0"/>
              <a:t>Meget tvivl og usikkerhed blev erstattet af viden og indsigt og gensidig forståelse</a:t>
            </a:r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E1E63860-AFF6-4DD9-95F4-51AAC6903864}"/>
              </a:ext>
            </a:extLst>
          </p:cNvPr>
          <p:cNvSpPr/>
          <p:nvPr/>
        </p:nvSpPr>
        <p:spPr>
          <a:xfrm>
            <a:off x="5732014" y="3666267"/>
            <a:ext cx="2160240" cy="1236312"/>
          </a:xfrm>
          <a:prstGeom prst="ellipse">
            <a:avLst/>
          </a:prstGeom>
          <a:noFill/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&gt;</a:t>
            </a:r>
            <a:r>
              <a:rPr lang="da-DK" dirty="0">
                <a:solidFill>
                  <a:schemeClr val="tx1"/>
                </a:solidFill>
              </a:rPr>
              <a:t>Nordfløjen</a:t>
            </a:r>
          </a:p>
          <a:p>
            <a:pPr algn="ctr"/>
            <a:r>
              <a:rPr lang="da-DK" dirty="0">
                <a:solidFill>
                  <a:schemeClr val="tx1"/>
                </a:solidFill>
              </a:rPr>
              <a:t>It og </a:t>
            </a:r>
            <a:r>
              <a:rPr lang="da-DK" dirty="0" err="1">
                <a:solidFill>
                  <a:schemeClr val="tx1"/>
                </a:solidFill>
              </a:rPr>
              <a:t>medicoleverancer</a:t>
            </a:r>
            <a:endParaRPr lang="da-DK" dirty="0"/>
          </a:p>
        </p:txBody>
      </p:sp>
      <p:sp>
        <p:nvSpPr>
          <p:cNvPr id="9" name="Ellipse 8">
            <a:extLst>
              <a:ext uri="{FF2B5EF4-FFF2-40B4-BE49-F238E27FC236}">
                <a16:creationId xmlns:a16="http://schemas.microsoft.com/office/drawing/2014/main" id="{4C9D436E-49A5-4DC5-84B5-9D7F66CB581E}"/>
              </a:ext>
            </a:extLst>
          </p:cNvPr>
          <p:cNvSpPr/>
          <p:nvPr/>
        </p:nvSpPr>
        <p:spPr>
          <a:xfrm>
            <a:off x="3935760" y="5036558"/>
            <a:ext cx="2376264" cy="902862"/>
          </a:xfrm>
          <a:prstGeom prst="ellipse">
            <a:avLst/>
          </a:prstGeom>
          <a:noFill/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tx1"/>
                </a:solidFill>
              </a:rPr>
              <a:t>Byggeprojektet</a:t>
            </a:r>
            <a:endParaRPr lang="da-DK" dirty="0"/>
          </a:p>
        </p:txBody>
      </p:sp>
      <p:sp>
        <p:nvSpPr>
          <p:cNvPr id="10" name="Ellipse 9">
            <a:extLst>
              <a:ext uri="{FF2B5EF4-FFF2-40B4-BE49-F238E27FC236}">
                <a16:creationId xmlns:a16="http://schemas.microsoft.com/office/drawing/2014/main" id="{B57E0F45-9396-4774-B09B-3F76BCD62F12}"/>
              </a:ext>
            </a:extLst>
          </p:cNvPr>
          <p:cNvSpPr/>
          <p:nvPr/>
        </p:nvSpPr>
        <p:spPr>
          <a:xfrm>
            <a:off x="7464152" y="4902580"/>
            <a:ext cx="2232248" cy="902862"/>
          </a:xfrm>
          <a:prstGeom prst="ellipse">
            <a:avLst/>
          </a:prstGeom>
          <a:noFill/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endParaRPr lang="da-DK" dirty="0">
              <a:solidFill>
                <a:schemeClr val="tx1"/>
              </a:solidFill>
            </a:endParaRPr>
          </a:p>
          <a:p>
            <a:r>
              <a:rPr lang="da-DK" dirty="0">
                <a:solidFill>
                  <a:schemeClr val="tx1"/>
                </a:solidFill>
              </a:rPr>
              <a:t>Center for it  &amp;    </a:t>
            </a:r>
            <a:r>
              <a:rPr lang="da-DK" dirty="0" err="1">
                <a:solidFill>
                  <a:schemeClr val="tx1"/>
                </a:solidFill>
              </a:rPr>
              <a:t>medico</a:t>
            </a:r>
            <a:r>
              <a:rPr lang="da-DK" dirty="0">
                <a:solidFill>
                  <a:schemeClr val="tx1"/>
                </a:solidFill>
              </a:rPr>
              <a:t> (CIMT)   		</a:t>
            </a:r>
          </a:p>
        </p:txBody>
      </p:sp>
      <p:sp>
        <p:nvSpPr>
          <p:cNvPr id="19" name="Pil: venstre-højre-opadgående 18">
            <a:extLst>
              <a:ext uri="{FF2B5EF4-FFF2-40B4-BE49-F238E27FC236}">
                <a16:creationId xmlns:a16="http://schemas.microsoft.com/office/drawing/2014/main" id="{6513FE8F-8463-4454-9C2A-3E70DAAA4BD8}"/>
              </a:ext>
            </a:extLst>
          </p:cNvPr>
          <p:cNvSpPr/>
          <p:nvPr/>
        </p:nvSpPr>
        <p:spPr>
          <a:xfrm>
            <a:off x="6312024" y="4969568"/>
            <a:ext cx="1152128" cy="744137"/>
          </a:xfrm>
          <a:prstGeom prst="leftRightUp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cxnSp>
        <p:nvCxnSpPr>
          <p:cNvPr id="21" name="Lige pilforbindelse 20">
            <a:extLst>
              <a:ext uri="{FF2B5EF4-FFF2-40B4-BE49-F238E27FC236}">
                <a16:creationId xmlns:a16="http://schemas.microsoft.com/office/drawing/2014/main" id="{D7CDEBF5-5D2F-4ED6-BFA3-2D90074D84E4}"/>
              </a:ext>
            </a:extLst>
          </p:cNvPr>
          <p:cNvCxnSpPr/>
          <p:nvPr/>
        </p:nvCxnSpPr>
        <p:spPr>
          <a:xfrm flipV="1">
            <a:off x="5456919" y="4720125"/>
            <a:ext cx="428102" cy="249443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Lige pilforbindelse 22">
            <a:extLst>
              <a:ext uri="{FF2B5EF4-FFF2-40B4-BE49-F238E27FC236}">
                <a16:creationId xmlns:a16="http://schemas.microsoft.com/office/drawing/2014/main" id="{22C9E592-EB2E-4352-AAF6-F2C044C3EF0E}"/>
              </a:ext>
            </a:extLst>
          </p:cNvPr>
          <p:cNvCxnSpPr/>
          <p:nvPr/>
        </p:nvCxnSpPr>
        <p:spPr>
          <a:xfrm flipH="1" flipV="1">
            <a:off x="7680176" y="4748135"/>
            <a:ext cx="212078" cy="154444"/>
          </a:xfrm>
          <a:prstGeom prst="straightConnector1">
            <a:avLst/>
          </a:prstGeom>
          <a:ln w="9525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59835727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Mørkeblå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973038323624315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false,"placeholder":"Præsentationens titel/beskrivelse (venstre sidefod)","lines":0,"type":"textBox","name":"PresentationTitle","label":"Titel/beskrivelse","helpTexts":{"prefix":"","postfix":""},"spacing":{},"fullyQualifiedName":"PresentationTitle"},{"required":false,"placeholder":"","lines":0,"type":"textBox","name":"Manuel_dato","label":"Dato","helpTexts":{"prefix":"Indsæt ønsket dato (fjerner brugernavnet)","postfix":""},"spacing":{},"fullyQualifiedName":"Manuel_dato"}],"formDataEntries":[{"name":"PresentationTitle","value":"4ndFtMOXmzFrQBRnsoFdXkQFkqbV0H3SFPickKj0NVA="},{"name":"Manuel_dato","value":"Y2B9LwsdAHpDISfWt4SJS90NQ7cdDQyDBDHf1u7QF1s="}]}]]></TemplafyFormConfiguration>
</file>

<file path=customXml/item4.xml><?xml version="1.0" encoding="utf-8"?>
<ct:contentTypeSchema xmlns:ct="http://schemas.microsoft.com/office/2006/metadata/contentType" xmlns:ma="http://schemas.microsoft.com/office/2006/metadata/properties/metaAttributes" ct:_="" ma:_="" ma:contentTypeName="GetOrganized dokument" ma:contentTypeID="0x010100AC085CFC53BC46CEA2EADE194AD9D48200BDB167AA9F517541BDEC47268EFCF25B" ma:contentTypeVersion="2" ma:contentTypeDescription="GetOrganized dokument" ma:contentTypeScope="" ma:versionID="7ecbdca024c22780eb7d2c88b042d400">
  <xsd:schema xmlns:xsd="http://www.w3.org/2001/XMLSchema" xmlns:xs="http://www.w3.org/2001/XMLSchema" xmlns:p="http://schemas.microsoft.com/office/2006/metadata/properties" xmlns:ns1="http://schemas.microsoft.com/sharepoint/v3" xmlns:ns2="033c7dc4-6b86-496f-b452-17b5b118f1bd" xmlns:ns3="DB346E4C-9DF8-4121-BB51-A986C3F78F60" xmlns:ns4="3f08c971-85ff-4813-ab9d-6ec27d0f650d" targetNamespace="http://schemas.microsoft.com/office/2006/metadata/properties" ma:root="true" ma:fieldsID="2a511cb863a685b61a711c2de42a7b8c" ns1:_="" ns2:_="" ns3:_="" ns4:_="">
    <xsd:import namespace="http://schemas.microsoft.com/sharepoint/v3"/>
    <xsd:import namespace="033c7dc4-6b86-496f-b452-17b5b118f1bd"/>
    <xsd:import namespace="DB346E4C-9DF8-4121-BB51-A986C3F78F60"/>
    <xsd:import namespace="3f08c971-85ff-4813-ab9d-6ec27d0f650d"/>
    <xsd:element name="properties">
      <xsd:complexType>
        <xsd:sequence>
          <xsd:element name="documentManagement">
            <xsd:complexType>
              <xsd:all>
                <xsd:element ref="ns1:Classification" minOccurs="0"/>
                <xsd:element ref="ns1:CaseOwner" minOccurs="0"/>
                <xsd:element ref="ns1:TrackID" minOccurs="0"/>
                <xsd:element ref="ns1:CaseID" minOccurs="0"/>
                <xsd:element ref="ns1:DocID" minOccurs="0"/>
                <xsd:element ref="ns1:Finalized" minOccurs="0"/>
                <xsd:element ref="ns1:Related" minOccurs="0"/>
                <xsd:element ref="ns1:RegistrationDate" minOccurs="0"/>
                <xsd:element ref="ns1:CaseRecordNumber" minOccurs="0"/>
                <xsd:element ref="ns1:LocalAttachment" minOccurs="0"/>
                <xsd:element ref="ns1:CCMTemplateName" minOccurs="0"/>
                <xsd:element ref="ns1:CCMTemplateVersion" minOccurs="0"/>
                <xsd:element ref="ns1:CCMTemplateID" minOccurs="0"/>
                <xsd:element ref="ns1:CCMSystemID" minOccurs="0"/>
                <xsd:element ref="ns1:WasEncrypted" minOccurs="0"/>
                <xsd:element ref="ns1:WasSigned" minOccurs="0"/>
                <xsd:element ref="ns1:MailHasAttachments" minOccurs="0"/>
                <xsd:element ref="ns1:CCMConversation" minOccurs="0"/>
                <xsd:element ref="ns2:TaxCatchAll" minOccurs="0"/>
                <xsd:element ref="ns3:CCMAgendaDocumentStatus" minOccurs="0"/>
                <xsd:element ref="ns3:CCMAgendaStatus" minOccurs="0"/>
                <xsd:element ref="ns3:CCMMeetingCaseId" minOccurs="0"/>
                <xsd:element ref="ns3:CCMMeetingCaseInstanceId" minOccurs="0"/>
                <xsd:element ref="ns3:CCMAgendaItemId" minOccurs="0"/>
                <xsd:element ref="ns3:CCMMeetingCaseLink" minOccurs="0"/>
                <xsd:element ref="ns3:AgendaStatusIcon" minOccurs="0"/>
                <xsd:element ref="ns1:CCMVisualId" minOccurs="0"/>
                <xsd:element ref="ns1:CCMOriginalDocID" minOccurs="0"/>
                <xsd:element ref="ns3:Bem_x00e6_rkning" minOccurs="0"/>
                <xsd:element ref="ns4:SharedWithUser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Classification" ma:index="2" nillable="true" ma:displayName="Klassifikation" ma:hidden="true" ma:internalName="Classification">
      <xsd:simpleType>
        <xsd:restriction base="dms:Choice">
          <xsd:enumeration value="Offentlig"/>
          <xsd:enumeration value="Intern"/>
          <xsd:enumeration value="Fortrolig"/>
        </xsd:restriction>
      </xsd:simpleType>
    </xsd:element>
    <xsd:element name="CaseOwner" ma:index="3" nillable="true" ma:displayName="Ansvarlig" ma:list="UserInfo" ma:SharePointGroup="0" ma:internalName="CaseOwner" ma:readOnly="false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TrackID" ma:index="4" nillable="true" ma:displayName="TrackID" ma:description="" ma:internalName="TrackID">
      <xsd:simpleType>
        <xsd:restriction base="dms:Note">
          <xsd:maxLength value="255"/>
        </xsd:restriction>
      </xsd:simpleType>
    </xsd:element>
    <xsd:element name="CaseID" ma:index="11" nillable="true" ma:displayName="Sags ID" ma:default="Tildeler" ma:internalName="CaseID" ma:readOnly="true">
      <xsd:simpleType>
        <xsd:restriction base="dms:Text"/>
      </xsd:simpleType>
    </xsd:element>
    <xsd:element name="DocID" ma:index="12" nillable="true" ma:displayName="Dok ID" ma:default="Tildeler" ma:internalName="DocID" ma:readOnly="true">
      <xsd:simpleType>
        <xsd:restriction base="dms:Text"/>
      </xsd:simpleType>
    </xsd:element>
    <xsd:element name="Finalized" ma:index="13" nillable="true" ma:displayName="Endeligt" ma:default="False" ma:internalName="Finalized" ma:readOnly="true">
      <xsd:simpleType>
        <xsd:restriction base="dms:Boolean"/>
      </xsd:simpleType>
    </xsd:element>
    <xsd:element name="Related" ma:index="14" nillable="true" ma:displayName="Vedhæftet dokument" ma:default="False" ma:internalName="Related" ma:readOnly="true">
      <xsd:simpleType>
        <xsd:restriction base="dms:Boolean"/>
      </xsd:simpleType>
    </xsd:element>
    <xsd:element name="RegistrationDate" ma:index="15" nillable="true" ma:displayName="Registrerings dato" ma:format="DateTime" ma:internalName="RegistrationDate" ma:readOnly="true">
      <xsd:simpleType>
        <xsd:restriction base="dms:DateTime"/>
      </xsd:simpleType>
    </xsd:element>
    <xsd:element name="CaseRecordNumber" ma:index="16" nillable="true" ma:displayName="Akt ID" ma:decimals="0" ma:default="0" ma:internalName="CaseRecordNumber" ma:readOnly="true">
      <xsd:simpleType>
        <xsd:restriction base="dms:Number"/>
      </xsd:simpleType>
    </xsd:element>
    <xsd:element name="LocalAttachment" ma:index="17" nillable="true" ma:displayName="Lokalt bilag" ma:default="False" ma:internalName="LocalAttachment" ma:readOnly="true">
      <xsd:simpleType>
        <xsd:restriction base="dms:Boolean"/>
      </xsd:simpleType>
    </xsd:element>
    <xsd:element name="CCMTemplateName" ma:index="18" nillable="true" ma:displayName="Skabelon navn" ma:internalName="CCMTemplateName" ma:readOnly="true">
      <xsd:simpleType>
        <xsd:restriction base="dms:Text"/>
      </xsd:simpleType>
    </xsd:element>
    <xsd:element name="CCMTemplateVersion" ma:index="19" nillable="true" ma:displayName="Skabelon version" ma:internalName="CCMTemplateVersion" ma:readOnly="true">
      <xsd:simpleType>
        <xsd:restriction base="dms:Text"/>
      </xsd:simpleType>
    </xsd:element>
    <xsd:element name="CCMTemplateID" ma:index="20" nillable="true" ma:displayName="CCMTemplateID" ma:decimals="0" ma:default="0" ma:hidden="true" ma:internalName="CCMTemplateID" ma:readOnly="true">
      <xsd:simpleType>
        <xsd:restriction base="dms:Number"/>
      </xsd:simpleType>
    </xsd:element>
    <xsd:element name="CCMSystemID" ma:index="21" nillable="true" ma:displayName="CCMSystemID" ma:hidden="true" ma:internalName="CCMSystemID" ma:readOnly="true">
      <xsd:simpleType>
        <xsd:restriction base="dms:Text"/>
      </xsd:simpleType>
    </xsd:element>
    <xsd:element name="WasEncrypted" ma:index="22" nillable="true" ma:displayName="Krypteret" ma:default="False" ma:internalName="WasEncrypted" ma:readOnly="true">
      <xsd:simpleType>
        <xsd:restriction base="dms:Boolean"/>
      </xsd:simpleType>
    </xsd:element>
    <xsd:element name="WasSigned" ma:index="23" nillable="true" ma:displayName="Signeret" ma:default="False" ma:internalName="WasSigned" ma:readOnly="true">
      <xsd:simpleType>
        <xsd:restriction base="dms:Boolean"/>
      </xsd:simpleType>
    </xsd:element>
    <xsd:element name="MailHasAttachments" ma:index="24" nillable="true" ma:displayName="E-mail har vedhæftede filer" ma:default="False" ma:internalName="MailHasAttachments" ma:readOnly="true">
      <xsd:simpleType>
        <xsd:restriction base="dms:Boolean"/>
      </xsd:simpleType>
    </xsd:element>
    <xsd:element name="CCMConversation" ma:index="25" nillable="true" ma:displayName="Samtale" ma:internalName="CCMConversation" ma:readOnly="true">
      <xsd:simpleType>
        <xsd:restriction base="dms:Text"/>
      </xsd:simpleType>
    </xsd:element>
    <xsd:element name="CCMVisualId" ma:index="36" nillable="true" ma:displayName="Sags ID" ma:default="Tildeler" ma:internalName="CCMVisualId" ma:readOnly="true">
      <xsd:simpleType>
        <xsd:restriction base="dms:Text"/>
      </xsd:simpleType>
    </xsd:element>
    <xsd:element name="CCMOriginalDocID" ma:index="37" nillable="true" ma:displayName="Originalt Dok ID" ma:description="" ma:internalName="CCMOriginalDocID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33c7dc4-6b86-496f-b452-17b5b118f1bd" elementFormDefault="qualified">
    <xsd:import namespace="http://schemas.microsoft.com/office/2006/documentManagement/types"/>
    <xsd:import namespace="http://schemas.microsoft.com/office/infopath/2007/PartnerControls"/>
    <xsd:element name="TaxCatchAll" ma:index="26" nillable="true" ma:displayName="Taxonomy Catch All Column" ma:hidden="true" ma:list="{c7b3393c-eb47-41f2-96ad-cf3a3efd1ea9}" ma:internalName="TaxCatchAll" ma:showField="CatchAllData" ma:web="033c7dc4-6b86-496f-b452-17b5b118f1bd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B346E4C-9DF8-4121-BB51-A986C3F78F60" elementFormDefault="qualified">
    <xsd:import namespace="http://schemas.microsoft.com/office/2006/documentManagement/types"/>
    <xsd:import namespace="http://schemas.microsoft.com/office/infopath/2007/PartnerControls"/>
    <xsd:element name="CCMAgendaDocumentStatus" ma:index="29" nillable="true" ma:displayName="Status  for dagsordensdokument" ma:description="Status for dagsordensdokument skal kun udfyldes, hvis du er ved at oprette et dagsordenspunkt.&#10;&#10;Udkast - når du opretter dokumentet og begynder at arbejde i det&#10;Under udarbejdelse - når udkastet er færdigt og bliver sendt til godkendelse m.v.&#10;Endelig - når dagsordenspunktet er helt færdigt, godkendt og klar til at blive publiceret til en dagsorden." ma:format="Dropdown" ma:internalName="CCMAgendaDocumentStatus">
      <xsd:simpleType>
        <xsd:restriction base="dms:Choice">
          <xsd:enumeration value="Udkast"/>
          <xsd:enumeration value="Under udarbejdelse"/>
          <xsd:enumeration value="Endelig"/>
        </xsd:restriction>
      </xsd:simpleType>
    </xsd:element>
    <xsd:element name="CCMAgendaStatus" ma:index="30" nillable="true" ma:displayName="Dagsordenstatus" ma:description="Udfyldes kun hvis det er et dagsordenspunkt" ma:format="Dropdown" ma:internalName="CCMAgendaStatus">
      <xsd:simpleType>
        <xsd:restriction base="dms:Choice">
          <xsd:enumeration value="Anmeldt"/>
          <xsd:enumeration value="Optaget på dagsorden"/>
          <xsd:enumeration value="Behandlet"/>
          <xsd:enumeration value="Afvist til dagsorden"/>
          <xsd:enumeration value="Fjernet fra dagsorden"/>
        </xsd:restriction>
      </xsd:simpleType>
    </xsd:element>
    <xsd:element name="CCMMeetingCaseId" ma:index="31" nillable="true" ma:displayName="CCMMeetingCaseId" ma:hidden="true" ma:internalName="CCMMeetingCaseId">
      <xsd:simpleType>
        <xsd:restriction base="dms:Text">
          <xsd:maxLength value="255"/>
        </xsd:restriction>
      </xsd:simpleType>
    </xsd:element>
    <xsd:element name="CCMMeetingCaseInstanceId" ma:index="32" nillable="true" ma:displayName="CCMMeetingCaseInstanceId" ma:hidden="true" ma:internalName="CCMMeetingCaseInstanceId">
      <xsd:simpleType>
        <xsd:restriction base="dms:Text">
          <xsd:maxLength value="255"/>
        </xsd:restriction>
      </xsd:simpleType>
    </xsd:element>
    <xsd:element name="CCMAgendaItemId" ma:index="33" nillable="true" ma:displayName="CCMAgendaItemId" ma:decimals="0" ma:hidden="true" ma:internalName="CCMAgendaItemId">
      <xsd:simpleType>
        <xsd:restriction base="dms:Number"/>
      </xsd:simpleType>
    </xsd:element>
    <xsd:element name="CCMMeetingCaseLink" ma:index="34" nillable="true" ma:displayName="Mødesag" ma:format="Hyperlink" ma:internalName="CCMMeetingCaseLink">
      <xsd:complexType>
        <xsd:complexContent>
          <xsd:extension base="dms:URL">
            <xsd:sequence>
              <xsd:element name="Url" type="dms:ValidUrl" minOccurs="0" nillable="true"/>
              <xsd:element name="Description" type="xsd:string" nillable="true"/>
            </xsd:sequence>
          </xsd:extension>
        </xsd:complexContent>
      </xsd:complexType>
    </xsd:element>
    <xsd:element name="AgendaStatusIcon" ma:index="35" nillable="true" ma:displayName="Ikon for dagsordensstatus" ma:internalName="AgendaStatusIcon" ma:readOnly="true">
      <xsd:simpleType>
        <xsd:restriction base="dms:Unknown"/>
      </xsd:simpleType>
    </xsd:element>
    <xsd:element name="Bem_x00e6_rkning" ma:index="40" nillable="true" ma:displayName="Bemærkning" ma:internalName="Bem_x00e6_rkning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f08c971-85ff-4813-ab9d-6ec27d0f650d" elementFormDefault="qualified">
    <xsd:import namespace="http://schemas.microsoft.com/office/2006/documentManagement/types"/>
    <xsd:import namespace="http://schemas.microsoft.com/office/infopath/2007/PartnerControls"/>
    <xsd:element name="SharedWithUsers" ma:index="41" nillable="true" ma:displayName="Delt med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5" ma:displayName="Indholdstype"/>
        <xsd:element ref="dc:title" minOccurs="0" maxOccurs="1" ma:index="1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5.xml><?xml version="1.0" encoding="utf-8"?>
<TemplafyTemplateConfiguration><![CDATA[{"elementsMetadata":[{"type":"shape","id":"e8b06780-0536-4f35-8baf-042ef50de9e0","elementConfiguration":{"inheritDimensions":"inheritNone","width":"1.9 cm","height":"1.9 cm","disableUpdates":false,"type":"image"}},{"type":"shape","id":"e1a91f74-44c1-4776-b238-dedc2077d2c1","elementConfiguration":{"binding":"UserProfile.Office.Virksomhed_{{DocumentLanguage}}","disableUpdates":false,"type":"text"}},{"type":"shape","id":"6d729020-9c9c-401f-ac8b-6d25b5bc1ee8","elementConfiguration":{"binding":"UserProfile.CenterFreeText","visibility":{"action":"hide","binding":"UserProfile.Centers.CenterUI","operator":"notEquals","compareValue":"Intet valgt"},"disableUpdates":false,"type":"text"}},{"type":"shape","id":"2067aa9c-4bfa-467b-8ff2-f7a373987bf9","elementConfiguration":{"binding":"UserProfile.Centers.Center_{{DocumentLanguage}}","visibility":{"action":"hide","binding":"UserProfile.Centers.CenterUI","operator":"equals","compareValue":"Intet valgt"},"disableUpdates":false,"type":"text"}},{"type":"shape","id":"08fc13ea-fc6f-4246-95d5-0a82b532706a","elementConfiguration":{"binding":"Form.PresentationTitle","disableUpdates":false,"type":"text"}},{"type":"shape","id":"b43d06f0-fb3e-4971-83af-7871e551b199","elementConfiguration":{"binding":"UserProfile.Office.LogoColor_DCU","inheritDimensions":"inheritNone","width":"1.9 cm","height":"1.9 cm","disableUpdates":false,"type":"image"}},{"type":"shape","id":"a3bd9a53-dcbb-4d09-853e-2857a665fc4a","elementConfiguration":{"binding":"UserProfile.EkstraLogo.ExtraLogoPPNEGDCU_{{DocumentLanguage}}","inheritDimensions":"inheritNone","width":"3.68 cm","height":"1.17 cm","disableUpdates":false,"type":"image"}},{"type":"shape","id":"fda6a47f-827b-4717-b8ec-70dfac2ac141","elementConfiguration":{"binding":"UserProfile.EkstraLogo.ExtraLogoFive_PP_DCU_{{DocumentLanguage}}","inheritDimensions":"inheritNone","width":"2.42 cm","height":"2.5 cm","disableUpdates":false,"type":"image"}},{"type":"shape","id":"f09beb41-48af-408c-b7d8-1e26968f64f5","elementConfiguration":{"binding":"UserProfile.EkstraLogo.ExtraLogoTwo_PP_DCU_{{DocumentLanguage}}","inheritDimensions":"inheritNone","width":"2.42 cm","height":"2.5 cm","disableUpdates":false,"type":"image"}},{"type":"shape","id":"b72300af-d3bf-4f48-a353-8e1ddd6318c4","elementConfiguration":{"binding":"UserProfile.EkstraLogo.ExtraLogoSix_PP_DCU_{{DocumentLanguage}}","inheritDimensions":"inheritNone","width":"11.6 cm","height":"1.72 cm","disableUpdates":false,"type":"image"}},{"type":"shape","id":"8204ea70-6e31-440f-8b51-8d0356d75b10","elementConfiguration":{"binding":"UserProfile.Name","visibility":{"action":"hide","binding":"Form.Manuel_dato","operator":"notEquals","compareValue":""},"disableUpdates":false,"type":"text"}},{"type":"shape","id":"78171883-3b44-48f0-a53c-50715fb1bd79","elementConfiguration":{"binding":"Form.Manuel_dato","visibility":{"action":"hide","operator":"equals","compareValue":""},"disableUpdates":false,"type":"text"}},{"type":"shape","id":"547c7e10-5e50-4ee8-9785-09fbc98656e3","elementConfiguration":{"binding":"UserProfile.Office.LogoH_PP_DCU","inheritDimensions":"inheritWidth","width":"1.91 cm","disableUpdates":false,"type":"image"}},{"type":"shape","id":"712ff73b-7558-456e-8d68-d8c2e69a26b2","elementConfiguration":{"binding":"UserProfile.Office.Virksomhed_{{DocumentLanguage}}","disableUpdates":false,"type":"text"}},{"type":"shape","id":"63a828ab-38b9-4355-8905-37d429161dc0","elementConfiguration":{"binding":"UserProfile.CenterFreeText","visibility":{"action":"hide","binding":"UserProfile.Centers.CenterUI","operator":"notEquals","compareValue":"Intet valgt"},"disableUpdates":false,"type":"text"}},{"type":"shape","id":"d0636022-e68e-4c56-bbad-a0ee3a7728ac","elementConfiguration":{"binding":"UserProfile.Centers.Center_{{DocumentLanguage}}","visibility":{"action":"hide","binding":"UserProfile.Centers.CenterUI","operator":"equals","compareValue":"Intet valgt"},"disableUpdates":false,"type":"text"}},{"type":"shape","id":"c9d8b949-102c-4fc7-a054-75e222588ce7","elementConfiguration":{"binding":"Form.PresentationTitle","disableUpdates":false,"type":"text"}},{"type":"shape","id":"4452b2f6-ef21-4c30-9aec-9e0fcf860e2b","elementConfiguration":{"binding":"UserProfile.Office.LogoColor_DCU","inheritDimensions":"inheritNone","width":"1.9 cm","height":"1.9 cm","disableUpdates":false,"type":"image"}},{"type":"shape","id":"159eec10-f448-44da-a601-8926c4490469","elementConfiguration":{"binding":"UserProfile.EkstraLogo.ExtraLogoPPNEGDCU_{{DocumentLanguage}}","inheritDimensions":"inheritNone","width":"3.68 cm","height":"1.17 cm","disableUpdates":false,"type":"image"}},{"type":"shape","id":"dc787617-ceee-4419-8266-246b62c306d7","elementConfiguration":{"binding":"UserProfile.EkstraLogo.ExtraLogoFive_PP_DCU_{{DocumentLanguage}}","inheritDimensions":"inheritNone","width":"2.42 cm","height":"2.5 cm","disableUpdates":false,"type":"image"}},{"type":"shape","id":"8bbc3c8d-6d73-4581-a629-da34a759de9f","elementConfiguration":{"binding":"UserProfile.EkstraLogo.ExtraLogoTwo_PP_DCU_{{DocumentLanguage}}","inheritDimensions":"inheritNone","width":"2.42 cm","height":"2.5 cm","disableUpdates":false,"type":"image"}},{"type":"shape","id":"0a4549f3-ae10-42ac-9c6b-f529de5a64dd","elementConfiguration":{"binding":"UserProfile.EkstraLogo.ExtraLogoSix_PP_DCU_{{DocumentLanguage}}","inheritDimensions":"inheritNone","width":"11.6 cm","height":"1.72 cm","disableUpdates":false,"type":"image"}},{"type":"shape","id":"dbaa7093-93c4-4ccd-a91a-54e1d1427954","elementConfiguration":{"binding":"UserProfile.Name","visibility":{"action":"hide","binding":"Form.Manuel_dato","operator":"notEquals","compareValue":""},"disableUpdates":false,"type":"text"}},{"type":"shape","id":"653fbf29-107d-41f5-9e0a-7b79fad144df","elementConfiguration":{"binding":"Form.Manuel_dato","visibility":{"action":"hide","operator":"equals","compareValue":""},"disableUpdates":false,"type":"text"}},{"type":"shape","id":"a5fa4f31-06de-4cf5-b121-a165797be0af","elementConfiguration":{"binding":"UserProfile.Office.LogoH_PP_DCU","inheritDimensions":"inheritWidth","width":"1.91 cm","disableUpdates":false,"type":"image"}},{"type":"shape","id":"31f93b12-208b-4e2d-9cc9-047f5cb101dd","elementConfiguration":{"binding":"UserProfile.Office.Virksomhed_{{DocumentLanguage}}","disableUpdates":false,"type":"text"}},{"type":"shape","id":"1b81e4ec-0007-45c6-8fbb-1ebbb764b2b4","elementConfiguration":{"binding":"UserProfile.CenterFreeText","visibility":{"action":"hide","binding":"UserProfile.Centers.CenterUI","operator":"notEquals","compareValue":"Intet valgt"},"disableUpdates":false,"type":"text"}},{"type":"shape","id":"181731f6-5f56-4ba8-b13d-6ca60a1cebac","elementConfiguration":{"binding":"UserProfile.Centers.Center_{{DocumentLanguage}}","visibility":{"action":"hide","binding":"UserProfile.Centers.CenterUI","operator":"equals","compareValue":"Intet valgt"},"disableUpdates":false,"type":"text"}},{"type":"shape","id":"9f3e0347-a5d5-429a-8c09-9e2026584128","elementConfiguration":{"binding":"Form.PresentationTitle","disableUpdates":false,"type":"text"}},{"type":"shape","id":"14e8fc18-55cb-4bd9-93ef-001ace1941c2","elementConfiguration":{"binding":"UserProfile.Office.LogoColor_DCU","inheritDimensions":"inheritNone","width":"1.9 cm","height":"1.9 cm","disableUpdates":false,"type":"image"}},{"type":"shape","id":"fc6afb91-7d8f-4ff5-ac1d-731d5fa5ae23","elementConfiguration":{"binding":"UserProfile.EkstraLogo.ExtraLogoPPNEGDCU_{{DocumentLanguage}}","inheritDimensions":"inheritNone","width":"3.68 cm","height":"1.17 cm","disableUpdates":false,"type":"image"}},{"type":"shape","id":"72af0ae3-8b32-4327-a837-f230d95b58d7","elementConfiguration":{"binding":"UserProfile.EkstraLogo.ExtraLogoFive_PP_DCU_{{DocumentLanguage}}","inheritDimensions":"inheritNone","width":"2.42 cm","height":"2.5 cm","disableUpdates":false,"type":"image"}},{"type":"shape","id":"a9808e88-6a58-47ae-ab0a-0c7b63e829f5","elementConfiguration":{"binding":"UserProfile.EkstraLogo.ExtraLogoTwo_PP_DCU_{{DocumentLanguage}}","inheritDimensions":"inheritNone","width":"2.42 cm","height":"2.5 cm","disableUpdates":false,"type":"image"}},{"type":"shape","id":"5a6d78be-6b1e-4e5a-81cc-61eb17a6caff","elementConfiguration":{"binding":"UserProfile.EkstraLogo.ExtraLogoSix_PP_DCU_{{DocumentLanguage}}","inheritDimensions":"inheritNone","width":"11.6 cm","height":"1.72 cm","disableUpdates":false,"type":"image"}},{"type":"shape","id":"20f41768-6d57-4c05-8c4b-fa339fee46b4","elementConfiguration":{"binding":"UserProfile.Name","visibility":{"action":"hide","binding":"Form.Manuel_dato","operator":"notEquals","compareValue":""},"disableUpdates":false,"type":"text"}},{"type":"shape","id":"35925ba3-96e9-4aba-9a7b-1337bd0a3d3f","elementConfiguration":{"binding":"Form.Manuel_dato","visibility":{"action":"hide","operator":"equals","compareValue":""},"disableUpdates":false,"type":"text"}},{"type":"shape","id":"2854ec82-07d2-4a54-b2b6-2a069cc9b4e9","elementConfiguration":{"binding":"UserProfile.Office.LogoH_PP_DCU","inheritDimensions":"inheritWidth","width":"1.91 cm","disableUpdates":false,"type":"image"}},{"type":"shape","id":"4ea56606-dc88-4e47-adba-1584de0ccba7","elementConfiguration":{"binding":"UserProfile.Office.LogoColor_DCU","inheritDimensions":"inheritNone","width":"1.9 cm","height":"19.05 cm","disableUpdates":false,"type":"image"}},{"type":"shape","id":"23d855d7-452f-4504-9ad5-e5855a92429a","elementConfiguration":{"binding":"UserProfile.EkstraLogo.ExtraLogoSixNEG_PP_DCU_{{DocumentLanguage}}","inheritDimensions":"inheritNone","width":"11.6 cm","height":"1.72 cm","disableUpdates":false,"type":"image"}},{"type":"shape","id":"dd6cea99-e896-4ecf-b6d2-e7e7e1802189","elementConfiguration":{"binding":"UserProfile.EkstraLogo.ExtraLogoPPNEGDCU_{{DocumentLanguage}}","inheritDimensions":"inheritNone","width":"3.68 cm","height":"1.17 cm","disableUpdates":false,"type":"image"}},{"type":"shape","id":"1be485cc-ac55-4332-8e44-243db879065a","elementConfiguration":{"binding":"UserProfile.Office.Virksomhed_{{DocumentLanguage}}","disableUpdates":false,"type":"text"}},{"type":"shape","id":"0bca2c45-df14-46f0-ad4e-830e2cf2ecd7","elementConfiguration":{"binding":"UserProfile.CenterFreeText","visibility":{"action":"hide","binding":"UserProfile.Centers.CenterUI","operator":"notEquals","compareValue":"Intet valgt","compareValues":[""]},"disableUpdates":false,"type":"text"}},{"type":"shape","id":"20385e0c-6690-4468-a088-edb45aceffb4","elementConfiguration":{"binding":"UserProfile.Centers.Center_{{DocumentLanguage}}","visibility":{"action":"hide","binding":"UserProfile.Centers.CenterUI","operator":"equals","compareValue":"Intet valgt"},"disableUpdates":false,"type":"text"}},{"type":"shape","id":"6e87fcc8-1dc6-4460-b063-13208a3eae51","elementConfiguration":{"binding":"Form.PresentationTitle","disableUpdates":false,"type":"text"}},{"type":"shape","id":"15a8864a-40f9-4f0f-8404-5dc377602e06","elementConfiguration":{"binding":"UserProfile.EkstraLogo.ExtraLogoFive_PP_DCU_{{DocumentLanguage}}","inheritDimensions":"inheritNone","width":"2.42 cm","height":"2.5 cm","disableUpdates":false,"type":"image"}},{"type":"shape","id":"e6bb64fd-7b5f-4cbb-8b8e-5048853ce704","elementConfiguration":{"binding":"UserProfile.EkstraLogo.ExtraLogoTwo_PP_DCU_{{DocumentLanguage}}","inheritDimensions":"inheritNone","width":"2.42 cm","height":"2.5 cm","disableUpdates":false,"type":"image"}},{"type":"shape","id":"aaa8bf34-b478-474b-b0f3-5f88adfe913a","elementConfiguration":{"binding":"UserProfile.Name","visibility":{"action":"hide","binding":"Form.Manuel_dato","operator":"notEquals","compareValue":""},"disableUpdates":false,"type":"text"}},{"type":"shape","id":"0a07390e-d216-4c9e-a0c7-fc974f66ed16","elementConfiguration":{"binding":"Form.Manuel_dato","visibility":{"action":"hide","operator":"equals","compareValue":""},"disableUpdates":false,"type":"text"}},{"type":"shape","id":"e666ea8d-8cc4-4cd1-8edc-4c2b0d03213a","elementConfiguration":{"binding":"UserProfile.Office.LogoH_PP_DCU","inheritDimensions":"inheritWidth","width":"1.91 cm","disableUpdates":false,"type":"image"}},{"type":"shape","id":"e9971c37-27db-4a82-8e36-08eed342362d","elementConfiguration":{"binding":"UserProfile.Office.Virksomhed_{{DocumentLanguage}}","disableUpdates":false,"type":"text"}},{"type":"shape","id":"43ba2265-1772-49d5-96c7-e139d3283936","elementConfiguration":{"binding":"UserProfile.CenterFreeText","visibility":{"action":"hide","binding":"UserProfile.Centers.CenterUI","operator":"notEquals","compareValue":"Intet valgt"},"disableUpdates":false,"type":"text"}},{"type":"shape","id":"79518f6c-e5b6-4ade-b8a1-008f1c7da5ae","elementConfiguration":{"binding":"UserProfile.Centers.Center_{{DocumentLanguage}}","visibility":{"action":"hide","binding":"UserProfile.Centers.CenterUI","operator":"equals","compareValue":"Intet valgt"},"disableUpdates":false,"type":"text"}},{"type":"shape","id":"80acb9f6-8734-4ef3-a573-6065b084e0ce","elementConfiguration":{"binding":"Form.PresentationTitle","disableUpdates":false,"type":"text"}},{"type":"shape","id":"1c5dbb9b-5d04-413e-95ec-698bc98f1afe","elementConfiguration":{"binding":"UserProfile.Office.LogoColor_DCU","inheritDimensions":"inheritNone","width":"1.9 cm","height":"1.9 cm","disableUpdates":false,"type":"image"}},{"type":"shape","id":"2de9f0ef-209e-4a6f-ac70-ba24e2b7a570","elementConfiguration":{"binding":"UserProfile.EkstraLogo.ExtraLogoPPNEGDCU_{{DocumentLanguage}}","inheritDimensions":"inheritNone","width":"3.68 cm","height":"1.17 cm","disableUpdates":false,"type":"image"}},{"type":"shape","id":"8759044d-40f7-4f83-9d25-826b5f05fe4c","elementConfiguration":{"binding":"UserProfile.EkstraLogo.ExtraLogoFive_PP_DCU_{{DocumentLanguage}}","inheritDimensions":"inheritNone","width":"2.42 cm","height":"2.5 cm","disableUpdates":false,"type":"image"}},{"type":"shape","id":"50a92ce5-000a-4f07-b949-49e6b68a7a6c","elementConfiguration":{"binding":"UserProfile.EkstraLogo.ExtraLogoTwo_PP_DCU_{{DocumentLanguage}}","inheritDimensions":"inheritNone","width":"2.42 cm","height":"2.5 cm","disableUpdates":false,"type":"image"}},{"type":"shape","id":"9674ed36-084e-4aab-935f-f30264baefa0","elementConfiguration":{"binding":"UserProfile.EkstraLogo.ExtraLogoSix_PP_DCU_{{DocumentLanguage}}","inheritDimensions":"inheritNone","width":"11.6 cm","height":"1.72 cm","disableUpdates":false,"type":"image"}},{"type":"shape","id":"9781f75f-d1aa-427f-b9ad-db2f97e349fa","elementConfiguration":{"binding":"UserProfile.Name","visibility":{"action":"hide","binding":"Form.Manuel_dato","operator":"notEquals","compareValue":""},"disableUpdates":false,"type":"text"}},{"type":"shape","id":"ee8254c1-0ffb-47f9-abb3-311fd44c395e","elementConfiguration":{"binding":"Form.Manuel_dato","visibility":{"action":"hide","operator":"equals","compareValue":""},"disableUpdates":false,"type":"text"}},{"type":"shape","id":"a0d6e854-6143-4881-831c-a845e11ac3ed","elementConfiguration":{"binding":"UserProfile.Office.LogoH_PP_DCU","inheritDimensions":"inheritWidth","width":"1.91 cm","disableUpdates":false,"type":"image"}},{"type":"shape","id":"95a8a328-6b2b-48ec-9b89-a3ead172b8ef","elementConfiguration":{"binding":"UserProfile.Office.LogoColor_DCU","inheritDimensions":"inheritNone","width":"1.9 cm","height":"13.39 cm","disableUpdates":false,"type":"image"}},{"type":"shape","id":"be72b890-092e-41c7-ab15-898570f105ba","elementConfiguration":{"binding":"UserProfile.Centers.VaelgKorrektSkabelon169DCU","inheritDimensions":"inheritNone","width":"33.89 cm","height":"19.07 cm","disableUpdates":false,"type":"image"}},{"type":"shape","id":"2723bb8e-6c3a-4a00-b2c1-8eae706ed874","elementConfiguration":{"binding":"UserProfile.Centers.VaelgKorrektSkabelon169DCU","inheritDimensions":"inheritNone","width":"33.89 cm","height":"19.07 cm","disableUpdates":false,"type":"image"}},{"type":"shape","id":"f794b886-9f55-4f23-a5a9-b75f9c7d8c72","elementConfiguration":{"binding":"Form.PresentationTitle","disableUpdates":false,"type":"text"}},{"type":"shape","id":"9b4266f8-7a3f-4f24-8f13-935c124c26c1","elementConfiguration":{"binding":"UserProfile.Name","visibility":{"action":"hide","binding":"Form.Manuel_dato","operator":"notEquals","compareValue":""},"disableUpdates":false,"type":"text"}},{"type":"shape","id":"0dc1e66b-3e25-4fc6-add7-95cd6e9b7066","elementConfiguration":{"binding":"UserProfile.EkstraLogo.ExtraLogoPPNEGDCU_{{DocumentLanguage}}","inheritDimensions":"inheritNone","width":"3.68 cm","height":"1.17 cm","disableUpdates":false,"type":"image"}},{"type":"shape","id":"55e37470-64b8-484a-96ee-c6d2643a48b8","elementConfiguration":{"binding":"UserProfile.EkstraLogo.ExtraLogoSix_PP_DCU_{{DocumentLanguage}}","inheritDimensions":"inheritNone","width":"11.6 cm","height":"1.72 cm","disableUpdates":false,"type":"image"}},{"type":"shape","id":"7ace5f11-1ea0-49c3-846c-615ba46df0ba","elementConfiguration":{"binding":"UserProfile.EkstraLogo.ExtraLogoFive_PP_DCU_{{DocumentLanguage}}","inheritDimensions":"inheritNone","width":"2.42 cm","height":"2.5 cm","disableUpdates":false,"type":"image"}},{"type":"shape","id":"64ace599-318b-47d3-a198-4f7e104d7f9a","elementConfiguration":{"binding":"UserProfile.EkstraLogo.ExtraLogoTwo_PP_DCU_{{DocumentLanguage}}","inheritDimensions":"inheritNone","width":"2.42 cm","height":"2.5 cm","disableUpdates":false,"type":"image"}},{"type":"shape","id":"e0c4b6b9-fd5e-47fa-af52-2d62ac959eab","elementConfiguration":{"binding":"UserProfile.Office.Virksomhed_{{DocumentLanguage}}","disableUpdates":false,"type":"text"}},{"type":"shape","id":"052423be-3805-47e5-b0aa-6e5b570bccf4","elementConfiguration":{"binding":"UserProfile.CenterFreeText","visibility":{"action":"hide","binding":"UserProfile.Centers.CenterUI","operator":"notEquals","compareValue":"Intet valgt"},"disableUpdates":false,"type":"text"}},{"type":"shape","id":"12feea70-c054-4f9c-8c68-a2eb5f36254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8a688d7d-e91f-4c6a-86f8-85d7469691ac","elementConfiguration":{"binding":"Form.Manuel_dato","visibility":{"action":"hide","operator":"equals","compareValue":""},"disableUpdates":false,"type":"text"}},{"type":"shape","id":"7e866dcf-d83a-4220-bf31-3ba4662079ba","elementConfiguration":{"binding":"UserProfile.Office.LogoH_PP_DCU","inheritDimensions":"inheritWidth","width":"1.91 cm","disableUpdates":false,"type":"image"}},{"type":"shape","id":"57e5a9f4-4dda-4a84-91b3-b9a49a9d0dba","elementConfiguration":{"binding":"UserProfile.Office.Virksomhed_{{DocumentLanguage}}","disableUpdates":false,"type":"text"}},{"type":"shape","id":"4aeb0051-44a2-4fdf-92d5-8b7bea110021","elementConfiguration":{"binding":"UserProfile.CenterFreeText","visibility":{"action":"hide","binding":"UserProfile.Centers.CenterUI","operator":"notEquals","compareValue":"Intet valgt"},"disableUpdates":false,"type":"text"}},{"type":"shape","id":"6fd03589-9073-4ab4-a77b-35cd6611fe5c","elementConfiguration":{"binding":"UserProfile.Centers.Center_{{DocumentLanguage}}","visibility":{"action":"hide","binding":"UserProfile.Centers.CenterUI","operator":"equals","compareValue":"Intet valgt"},"disableUpdates":false,"type":"text"}},{"type":"shape","id":"5e2ce235-69e8-4e84-aad7-c3c704d426a7","elementConfiguration":{"binding":"Form.PresentationTitle","disableUpdates":false,"type":"text"}},{"type":"shape","id":"ea56fa2c-0d6a-4c98-bf92-42869a5e6fa7","elementConfiguration":{"binding":"UserProfile.Office.LogoColor_DCU","inheritDimensions":"inheritNone","width":"1.9 cm","height":"1.9 cm","disableUpdates":false,"type":"image"}},{"type":"shape","id":"23a97c5e-2bef-4419-b4b0-9ac2a669e2e0","elementConfiguration":{"binding":"UserProfile.EkstraLogo.ExtraLogoPPNEGDCU_{{DocumentLanguage}}","inheritDimensions":"inheritNone","width":"3.68 cm","height":"1.17 cm","disableUpdates":false,"type":"image"}},{"type":"shape","id":"332c5a88-e146-4187-b972-8ba6643bfe36","elementConfiguration":{"binding":"UserProfile.EkstraLogo.ExtraLogoFive_PP_DCU_{{DocumentLanguage}}","inheritDimensions":"inheritNone","width":"2.42 cm","height":"2.5 cm","disableUpdates":false,"type":"image"}},{"type":"shape","id":"2cc57104-b6b8-4518-a383-0a6338307ff5","elementConfiguration":{"binding":"UserProfile.EkstraLogo.ExtraLogoTwo_PP_DCU_{{DocumentLanguage}}","inheritDimensions":"inheritNone","width":"2.42 cm","height":"2.5 cm","disableUpdates":false,"type":"image"}},{"type":"shape","id":"de354b96-5760-4032-83b6-e216361c04bb","elementConfiguration":{"binding":"UserProfile.EkstraLogo.ExtraLogoSix_PP_DCU_{{DocumentLanguage}}","inheritDimensions":"inheritNone","width":"11.6 cm","height":"1.72 cm","disableUpdates":false,"type":"image"}},{"type":"shape","id":"4358fbbd-d2db-481b-b703-9fef0beaf61e","elementConfiguration":{"binding":"UserProfile.Name","visibility":{"action":"hide","binding":"Form.Manuel_dato","operator":"notEquals","compareValue":""},"disableUpdates":false,"type":"text"}},{"type":"shape","id":"ebb3b8c6-8daa-4d77-b363-8075ac43392b","elementConfiguration":{"binding":"Form.Manuel_dato","visibility":{"action":"hide","operator":"equals","compareValue":""},"disableUpdates":false,"type":"text"}},{"type":"shape","id":"0d497fac-1fc3-4903-b764-f99ca5cdd635","elementConfiguration":{"binding":"UserProfile.Office.LogoH_PP_DCU","inheritDimensions":"inheritWidth","width":"1.91 cm","disableUpdates":false,"type":"image"}},{"type":"shape","id":"43a4d3ce-df1a-42b5-bd9c-49c02734d0f2","elementConfiguration":{"binding":"UserProfile.Office.LogoColor_DCU","inheritDimensions":"inheritNone","width":"1.9 cm","height":"1.9 cm","disableUpdates":false,"type":"image"}},{"type":"shape","id":"d892d5ef-40a7-4ddd-b18b-9fe2c48a1c85","elementConfiguration":{"binding":"UserProfile.Office.Virksomhed_{{DocumentLanguage}}","disableUpdates":false,"type":"text"}},{"type":"shape","id":"df93e3a4-8174-4750-a1ce-694db089274a","elementConfiguration":{"binding":"UserProfile.CenterFreeText","visibility":{"action":"hide","binding":"UserProfile.Centers.CenterUI","operator":"notEquals","compareValue":"Intet valgt"},"disableUpdates":false,"type":"text"}},{"type":"shape","id":"de1a425b-f5e6-4ad5-bb5a-505aefb17cc6","elementConfiguration":{"binding":"UserProfile.Centers.Center_{{DocumentLanguage}}","visibility":{"action":"hide","binding":"UserProfile.Centers.CenterUI","operator":"equals","compareValue":"Intet valgt"},"disableUpdates":false,"type":"text"}},{"type":"shape","id":"479eb3eb-1f75-486c-8675-a1e317b8eb00","elementConfiguration":{"binding":"Form.PresentationTitle","disableUpdates":false,"type":"text"}},{"type":"shape","id":"945d8a97-360d-4b3b-89b6-d6e01c5c18ae","elementConfiguration":{"binding":"UserProfile.EkstraLogo.ExtraLogoPPNEGDCU_{{DocumentLanguage}}","inheritDimensions":"inheritNone","width":"3.68 cm","height":"1.17 cm","disableUpdates":false,"type":"image"}},{"type":"shape","id":"ab46bb72-2c12-49f0-a798-b7c68c41bc3f","elementConfiguration":{"binding":"UserProfile.EkstraLogo.ExtraLogoFive_PP_DCU_{{DocumentLanguage}}","inheritDimensions":"inheritNone","width":"2.42 cm","height":"2.5 cm","disableUpdates":false,"type":"image"}},{"type":"shape","id":"6c21d19d-104d-4f9e-941c-d6e0475a1a01","elementConfiguration":{"binding":"UserProfile.EkstraLogo.ExtraLogoTwo_PP_DCU_{{DocumentLanguage}}","inheritDimensions":"inheritNone","width":"2.42 cm","height":"2.5 cm","disableUpdates":false,"type":"image"}},{"type":"shape","id":"965f992b-a24f-40df-b0a0-7e46a9a6c363","elementConfiguration":{"binding":"UserProfile.EkstraLogo.ExtraLogoSix_PP_DCU_{{DocumentLanguage}}","inheritDimensions":"inheritNone","width":"11.6 cm","height":"1.72 cm","disableUpdates":false,"type":"image"}},{"type":"shape","id":"174e45e9-e2d5-4a6d-ad3f-6ff9d8379fb3","elementConfiguration":{"binding":"UserProfile.Name","visibility":{"action":"hide","binding":"Form.Manuel_dato","operator":"notEquals","compareValue":""},"disableUpdates":false,"type":"text"}},{"type":"shape","id":"8ca689a0-5da5-4731-9803-130d2cfedb85","elementConfiguration":{"binding":"Form.Manuel_dato","visibility":{"action":"hide","operator":"equals","compareValue":""},"disableUpdates":false,"type":"text"}},{"type":"shape","id":"6a0d65a3-00ee-4998-bf0e-85ac62e7c431","elementConfiguration":{"binding":"UserProfile.Office.LogoH_PP_DCU","inheritDimensions":"inheritWidth","width":"1.91 cm","disableUpdates":false,"type":"image"}},{"type":"shape","id":"c2c069e0-3157-416b-8d33-ae0b13d96a2c","elementConfiguration":{"binding":"UserProfile.Office.Virksomhed_{{DocumentLanguage}}","disableUpdates":false,"type":"text"}},{"type":"shape","id":"a325e4af-cc8c-4e0e-a6f3-d4236b158365","elementConfiguration":{"binding":"UserProfile.CenterFreeText","visibility":{"action":"hide","binding":"UserProfile.Centers.CenterUI","operator":"notEquals","compareValue":"Intet valgt"},"disableUpdates":false,"type":"text"}},{"type":"shape","id":"4349717e-4d7f-432c-a4c0-191b2bd8a71f","elementConfiguration":{"binding":"UserProfile.Centers.Center_{{DocumentLanguage}}","visibility":{"action":"hide","binding":"UserProfile.Centers.CenterUI","operator":"equals","compareValue":"Intet valgt"},"disableUpdates":false,"type":"text"}},{"type":"shape","id":"143f3854-a2f3-4e82-9066-0b3d5a435693","elementConfiguration":{"binding":"Form.PresentationTitle","disableUpdates":false,"type":"text"}},{"type":"shape","id":"e6f999df-3329-4e51-8f68-234e9dcd4ce6","elementConfiguration":{"binding":"UserProfile.Office.LogoColor_DCU","inheritDimensions":"inheritNone","width":"1.9 cm","height":"1.9 cm","disableUpdates":false,"type":"image"}},{"type":"shape","id":"1fa33447-8af6-40d1-bc2b-916d0ab81bab","elementConfiguration":{"binding":"UserProfile.EkstraLogo.ExtraLogoPPNEGDCU_{{DocumentLanguage}}","inheritDimensions":"inheritNone","width":"3.68 cm","height":"1.17 cm","disableUpdates":false,"type":"image"}},{"type":"shape","id":"a122871f-85a6-49e3-a232-26e54e7270a6","elementConfiguration":{"binding":"UserProfile.EkstraLogo.ExtraLogoFive_PP_DCU_{{DocumentLanguage}}","inheritDimensions":"inheritNone","width":"2.42 cm","height":"2.5 cm","disableUpdates":false,"type":"image"}},{"type":"shape","id":"7cf2be9e-4e65-4ba4-a22a-a21ca40748ce","elementConfiguration":{"binding":"UserProfile.EkstraLogo.ExtraLogoTwo_PP_DCU_{{DocumentLanguage}}","inheritDimensions":"inheritNone","width":"2.42 cm","height":"2.5 cm","disableUpdates":false,"type":"image"}},{"type":"shape","id":"f5247b0b-6838-468e-93cb-429e42a363eb","elementConfiguration":{"binding":"UserProfile.EkstraLogo.ExtraLogoSix_PP_DCU_{{DocumentLanguage}}","inheritDimensions":"inheritNone","width":"11.6 cm","height":"1.72 cm","disableUpdates":false,"type":"image"}},{"type":"shape","id":"de9e232a-b4ea-4e70-9898-51c03ce7fb63","elementConfiguration":{"binding":"UserProfile.Name","visibility":{"action":"hide","binding":"Form.Manuel_dato","operator":"notEquals","compareValue":""},"disableUpdates":false,"type":"text"}},{"type":"shape","id":"e76b1379-e650-48a9-b033-79c3f21be0e3","elementConfiguration":{"binding":"Form.Manuel_dato","visibility":{"action":"hide","operator":"equals","compareValue":""},"disableUpdates":false,"type":"text"}},{"type":"shape","id":"36bfd91e-8168-443d-8ac5-965654056179","elementConfiguration":{"binding":"UserProfile.Office.LogoH_PP_DCU","inheritDimensions":"inheritWidth","width":"1.91 cm","disableUpdates":false,"type":"image"}},{"type":"shape","id":"18e93bfc-9586-4e31-8954-5e0537aa6f31","elementConfiguration":{"binding":"UserProfile.Office.LogoColor_DCU","inheritDimensions":"inheritNone","width":"1.9 cm","height":"13.39 cm","disableUpdates":false,"type":"image"}},{"type":"shape","id":"af5504fc-b9b8-4c97-864b-342c0a536b0a","elementConfiguration":{"binding":"UserProfile.EkstraLogo.ExtraLogoPPDCU_{{DocumentLanguage}}","inheritDimensions":"inheritNone","width":"3.68 cm","height":"1.17 cm","disableUpdates":false,"type":"image"}},{"type":"shape","id":"8720220a-761d-4406-b482-8137e2a0cd0a","elementConfiguration":{"binding":"UserProfile.Office.Virksomhed_{{DocumentLanguage}}","disableUpdates":false,"type":"text"}},{"type":"shape","id":"68f9367d-7b9c-4fb1-b5d2-7537d86ef300","elementConfiguration":{"binding":"UserProfile.CenterFreeText","visibility":{"action":"hide","binding":"UserProfile.Centers.CenterUI","operator":"notEquals","compareValue":"Intet valgt"},"disableUpdates":false,"type":"text"}},{"type":"shape","id":"6ac3ac71-34b3-43bf-9942-f5779b82ed08","elementConfiguration":{"binding":"UserProfile.Centers.Center_{{DocumentLanguage}}","visibility":{"action":"hide","binding":"UserProfile.Centers.CenterUI","operator":"equals","compareValue":"Intet valgt"},"disableUpdates":false,"type":"text"}},{"type":"shape","id":"da8a70c4-ab01-424b-9893-48d3d14f0276","elementConfiguration":{"binding":"Form.PresentationTitle","disableUpdates":false,"type":"text"}},{"type":"shape","id":"80a5fd1d-e4c9-4572-a51e-da4227060172","elementConfiguration":{"binding":"UserProfile.EkstraLogo.ExtraLogoFive_PP_DCU_{{DocumentLanguage}}","inheritDimensions":"inheritNone","width":"2.42 cm","height":"2.5 cm","disableUpdates":false,"type":"image"}},{"type":"shape","id":"c6b79517-80f1-4c2c-89ba-c5cba5a59cf2","elementConfiguration":{"binding":"UserProfile.EkstraLogo.ExtraLogoTwo_PP_DCU_{{DocumentLanguage}}","inheritDimensions":"inheritNone","width":"2.42 cm","height":"2.5 cm","disableUpdates":false,"type":"image"}},{"type":"shape","id":"0f77dc8a-a743-4f19-b2cb-a9c33f652a32","elementConfiguration":{"binding":"UserProfile.EkstraLogo.ExtraLogoSix_PP_DCU_{{DocumentLanguage}}","inheritDimensions":"inheritNone","width":"11.6 cm","height":"1.72 cm","disableUpdates":false,"type":"image"}},{"type":"shape","id":"45be95ed-1734-47c8-b2d2-ba538fc15fe0","elementConfiguration":{"binding":"UserProfile.Name","visibility":{"action":"hide","binding":"Form.Manuel_dato","operator":"notEquals","compareValue":""},"disableUpdates":false,"type":"text"}},{"type":"shape","id":"a2cabdc2-f47b-42dc-8898-ada09e6e6e03","elementConfiguration":{"binding":"Form.Manuel_dato","visibility":{"action":"hide","operator":"equals","compareValue":""},"disableUpdates":false,"type":"text"}},{"type":"shape","id":"52eb86bf-d2ae-4503-94c2-981f78b1b07d","elementConfiguration":{"binding":"UserProfile.Office.LogoH_PP_DCU","inheritDimensions":"inheritWidth","width":"1.91 cm","disableUpdates":false,"type":"image"}},{"type":"shape","id":"53cd7928-6522-4278-8e67-81a5730fbab2","elementConfiguration":{"binding":"UserProfile.Office.Virksomhed_{{DocumentLanguage}}","disableUpdates":false,"type":"text"}},{"type":"shape","id":"9dc2c28d-112a-44b7-a48d-8d76fcf58b4b","elementConfiguration":{"binding":"UserProfile.CenterFreeText","visibility":{"action":"hide","binding":"UserProfile.Centers.CenterUI","operator":"notEquals","compareValue":"Intet valgt","compareValues":[""]},"disableUpdates":false,"type":"text"}},{"type":"shape","id":"1f47b0fa-2b1d-450a-9edf-e119c0db0dac","elementConfiguration":{"binding":"UserProfile.Centers.Center_{{DocumentLanguage}}","visibility":{"action":"hide","binding":"UserProfile.Centers.CenterUI","operator":"equals","compareValue":"Intet valgt"},"disableUpdates":false,"type":"text"}},{"type":"shape","id":"a3e5882d-9e28-4ee1-9cc5-7211b6371422","elementConfiguration":{"binding":"Form.PresentationTitle","disableUpdates":false,"type":"text"}},{"type":"shape","id":"891bdfb8-597d-49e8-b0bb-320d8c5cf68d","elementConfiguration":{"binding":"UserProfile.Office.LogoColor_DCU","inheritDimensions":"inheritNone","width":"1.9 cm","height":"1.9 cm","disableUpdates":false,"type":"image"}},{"type":"shape","id":"6a226e2a-b3a0-4246-a93a-aef95694dffe","elementConfiguration":{"binding":"UserProfile.EkstraLogo.ExtraLogoPPNEGDCU_{{DocumentLanguage}}","inheritDimensions":"inheritNone","width":"3.68 cm","height":"1.17 cm","disableUpdates":false,"type":"image"}},{"type":"shape","id":"1842bcf1-b394-405d-8c66-3e6c570fe743","elementConfiguration":{"binding":"UserProfile.EkstraLogo.ExtraLogoFive_PP_DCU_{{DocumentLanguage}}","inheritDimensions":"inheritNone","width":"2.42 cm","height":"2.5 cm","disableUpdates":false,"type":"image"}},{"type":"shape","id":"4ecbd760-4423-4d67-a8d3-c2aafc726d0b","elementConfiguration":{"binding":"UserProfile.EkstraLogo.ExtraLogoTwo_PP_DCU_{{DocumentLanguage}}","inheritDimensions":"inheritNone","width":"2.42 cm","height":"2.5 cm","disableUpdates":false,"type":"image"}},{"type":"shape","id":"1c76cc91-73ac-42e5-80b3-98897ea5f36f","elementConfiguration":{"binding":"UserProfile.EkstraLogo.ExtraLogoSix_PP_DCU_{{DocumentLanguage}}","inheritDimensions":"inheritNone","width":"11.6 cm","height":"1.72 cm","disableUpdates":false,"type":"image"}},{"type":"shape","id":"6f5e4512-3985-40f0-9041-821f91e9a624","elementConfiguration":{"binding":"UserProfile.Name","visibility":{"action":"hide","binding":"Form.Manuel_dato","operator":"notEquals","compareValue":""},"disableUpdates":false,"type":"text"}},{"type":"shape","id":"bd410255-3f6f-4ee6-90fe-bd7f39509b83","elementConfiguration":{"binding":"Form.Manuel_dato","visibility":{"action":"hide","operator":"equals","compareValue":""},"disableUpdates":false,"type":"text"}},{"type":"shape","id":"11bf19fa-26de-42fa-a8bd-8e51b41cf639","elementConfiguration":{"binding":"UserProfile.Office.LogoH_PP_DCU","inheritDimensions":"inheritWidth","width":"1.91 cm","disableUpdates":false,"type":"image"}},{"type":"shape","id":"1c943a70-27aa-4099-9226-cc930b88c183","elementConfiguration":{"binding":"UserProfile.Office.Virksomhed_{{DocumentLanguage}}","disableUpdates":false,"type":"text"}},{"type":"shape","id":"3a6a86ba-e4db-423b-902d-61e45637002c","elementConfiguration":{"binding":"UserProfile.CenterFreeText","visibility":{"action":"hide","binding":"UserProfile.Centers.CenterUI","operator":"notEquals","compareValue":"Intet valgt"},"disableUpdates":false,"type":"text"}},{"type":"shape","id":"e73b1e4a-9b38-4456-afb4-90bb405d1354","elementConfiguration":{"binding":"UserProfile.Centers.Center_{{DocumentLanguage}}","visibility":{"action":"hide","binding":"UserProfile.Centers.CenterUI","operator":"equals","compareValue":"Intet valgt"},"disableUpdates":false,"type":"text"}},{"type":"shape","id":"381f3b7f-858a-4ae4-9f29-f4e0dcd65347","elementConfiguration":{"binding":"Form.PresentationTitle","disableUpdates":false,"type":"text"}},{"type":"shape","id":"3698d05a-07d6-45da-bd72-49a6dae9e230","elementConfiguration":{"binding":"UserProfile.Office.LogoColor_DCU","inheritDimensions":"inheritNone","width":"1.9 cm","height":"1.9 cm","disableUpdates":false,"type":"image"}},{"type":"shape","id":"9f6ed95d-4cc9-4a5e-a9e5-e4a0d7768e04","elementConfiguration":{"binding":"UserProfile.EkstraLogo.ExtraLogoPPNEGDCU_{{DocumentLanguage}}","inheritDimensions":"inheritNone","width":"3.68 cm","height":"1.17 cm","disableUpdates":false,"type":"image"}},{"type":"shape","id":"dc1ae56c-3b3d-4279-b356-5c41fca8d634","elementConfiguration":{"binding":"UserProfile.EkstraLogo.ExtraLogoFive_PP_DCU_{{DocumentLanguage}}","inheritDimensions":"inheritNone","width":"2.42 cm","height":"2.5 cm","disableUpdates":false,"type":"image"}},{"type":"shape","id":"2ad90016-2dcd-4a3b-b909-9d4244b028d9","elementConfiguration":{"binding":"UserProfile.EkstraLogo.ExtraLogoTwo_PP_DCU_{{DocumentLanguage}}","inheritDimensions":"inheritNone","width":"2.42 cm","height":"2.5 cm","disableUpdates":false,"type":"image"}},{"type":"shape","id":"bb398ac6-a551-4a0a-a9a8-c6630d04150c","elementConfiguration":{"binding":"UserProfile.EkstraLogo.ExtraLogoSix_PP_DCU_{{DocumentLanguage}}","inheritDimensions":"inheritNone","width":"11.6 cm","height":"1.72 cm","disableUpdates":false,"type":"image"}},{"type":"shape","id":"7c97d690-5f92-4472-aaed-9b515e15fde8","elementConfiguration":{"binding":"UserProfile.Name","visibility":{"action":"hide","binding":"Form.Manuel_dato","operator":"notEquals","compareValue":""},"disableUpdates":false,"type":"text"}},{"type":"shape","id":"9a443786-5a31-46f9-8e8b-4a842de9084b","elementConfiguration":{"binding":"Form.Manuel_dato","visibility":{"action":"hide","operator":"equals","compareValue":""},"disableUpdates":false,"type":"text"}},{"type":"shape","id":"35f668d8-d98b-445e-95e8-2c7c2fe5867e","elementConfiguration":{"binding":"UserProfile.Office.LogoH_PP_DCU","inheritDimensions":"inheritWidth","width":"1.91 cm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FÆLLES standard PowerPoint-præsentation 16:9","templateDescription":"Logo, enhedsnavn og farver følger dine valg i din brugerprofil","enableDocumentContentUpdater":true,"version":"1.3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CMAgendaItemId xmlns="DB346E4C-9DF8-4121-BB51-A986C3F78F60" xsi:nil="true"/>
    <TaxCatchAll xmlns="033c7dc4-6b86-496f-b452-17b5b118f1bd"/>
    <CCMMeetingCaseInstanceId xmlns="DB346E4C-9DF8-4121-BB51-A986C3F78F60" xsi:nil="true"/>
    <CCMAgendaStatus xmlns="DB346E4C-9DF8-4121-BB51-A986C3F78F60" xsi:nil="true"/>
    <Bem_x00e6_rkning xmlns="DB346E4C-9DF8-4121-BB51-A986C3F78F60" xsi:nil="true"/>
    <CaseOwner xmlns="http://schemas.microsoft.com/sharepoint/v3">
      <UserInfo>
        <DisplayName/>
        <AccountId xsi:nil="true"/>
        <AccountType/>
      </UserInfo>
    </CaseOwner>
    <CCMAgendaDocumentStatus xmlns="DB346E4C-9DF8-4121-BB51-A986C3F78F60" xsi:nil="true"/>
    <TrackID xmlns="http://schemas.microsoft.com/sharepoint/v3" xsi:nil="true"/>
    <CCMMeetingCaseLink xmlns="DB346E4C-9DF8-4121-BB51-A986C3F78F60">
      <Url xsi:nil="true"/>
      <Description xsi:nil="true"/>
    </CCMMeetingCaseLink>
    <Classification xmlns="http://schemas.microsoft.com/sharepoint/v3" xsi:nil="true"/>
    <CCMMeetingCaseId xmlns="DB346E4C-9DF8-4121-BB51-A986C3F78F60" xsi:nil="true"/>
    <WasSigned xmlns="http://schemas.microsoft.com/sharepoint/v3">false</WasSigned>
    <WasEncrypted xmlns="http://schemas.microsoft.com/sharepoint/v3">false</WasEncrypted>
    <LocalAttachment xmlns="http://schemas.microsoft.com/sharepoint/v3">false</LocalAttachment>
    <CCMTemplateID xmlns="http://schemas.microsoft.com/sharepoint/v3">0</CCMTemplateID>
    <CaseRecordNumber xmlns="http://schemas.microsoft.com/sharepoint/v3">0</CaseRecordNumber>
    <CaseID xmlns="http://schemas.microsoft.com/sharepoint/v3">EMN-2018-02943</CaseID>
    <RegistrationDate xmlns="http://schemas.microsoft.com/sharepoint/v3" xsi:nil="true"/>
    <Related xmlns="http://schemas.microsoft.com/sharepoint/v3">false</Related>
    <CCMSystemID xmlns="http://schemas.microsoft.com/sharepoint/v3">70b75415-b03e-435b-a96a-f2c99eab6ff9</CCMSystemID>
    <CCMVisualId xmlns="http://schemas.microsoft.com/sharepoint/v3">EMN-2018-02943</CCMVisualId>
    <Finalized xmlns="http://schemas.microsoft.com/sharepoint/v3">false</Finalized>
    <DocID xmlns="http://schemas.microsoft.com/sharepoint/v3">1308697</DocID>
    <MailHasAttachments xmlns="http://schemas.microsoft.com/sharepoint/v3">false</MailHasAttachments>
  </documentManagement>
</p:properties>
</file>

<file path=customXml/itemProps1.xml><?xml version="1.0" encoding="utf-8"?>
<ds:datastoreItem xmlns:ds="http://schemas.openxmlformats.org/officeDocument/2006/customXml" ds:itemID="{7FA764BE-93AE-4A1F-94F8-EB73EE3F6FA7}"/>
</file>

<file path=customXml/itemProps2.xml><?xml version="1.0" encoding="utf-8"?>
<ds:datastoreItem xmlns:ds="http://schemas.openxmlformats.org/officeDocument/2006/customXml" ds:itemID="{B518EF32-D7ED-4D8E-80D0-C33C01DB34BB}"/>
</file>

<file path=customXml/itemProps3.xml><?xml version="1.0" encoding="utf-8"?>
<ds:datastoreItem xmlns:ds="http://schemas.openxmlformats.org/officeDocument/2006/customXml" ds:itemID="{B0D2E709-FA3C-4E2D-A1F5-DD257C406372}"/>
</file>

<file path=customXml/itemProps4.xml><?xml version="1.0" encoding="utf-8"?>
<ds:datastoreItem xmlns:ds="http://schemas.openxmlformats.org/officeDocument/2006/customXml" ds:itemID="{B6F01101-EA42-474E-9AB0-787F0F79493B}"/>
</file>

<file path=customXml/itemProps5.xml><?xml version="1.0" encoding="utf-8"?>
<ds:datastoreItem xmlns:ds="http://schemas.openxmlformats.org/officeDocument/2006/customXml" ds:itemID="{978984FF-6C25-4FD4-85EA-2F9586C8CA61}"/>
</file>

<file path=customXml/itemProps6.xml><?xml version="1.0" encoding="utf-8"?>
<ds:datastoreItem xmlns:ds="http://schemas.openxmlformats.org/officeDocument/2006/customXml" ds:itemID="{E8590B6C-6E9D-4278-869E-BD16B846DDC9}"/>
</file>

<file path=customXml/itemProps7.xml><?xml version="1.0" encoding="utf-8"?>
<ds:datastoreItem xmlns:ds="http://schemas.openxmlformats.org/officeDocument/2006/customXml" ds:itemID="{4EC68B9D-CB04-4419-B14C-9E7DD3BE7DB4}"/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87</Words>
  <Application>Microsoft Office PowerPoint</Application>
  <PresentationFormat>Widescreen</PresentationFormat>
  <Paragraphs>183</Paragraphs>
  <Slides>15</Slides>
  <Notes>15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5</vt:i4>
      </vt:variant>
    </vt:vector>
  </HeadingPairs>
  <TitlesOfParts>
    <vt:vector size="18" baseType="lpstr">
      <vt:lpstr>Arial</vt:lpstr>
      <vt:lpstr>Wingdings</vt:lpstr>
      <vt:lpstr>REGION H Hospital PowerPoint Skabelon_DKfinal</vt:lpstr>
      <vt:lpstr>Cost &amp; Schedule risiko analyser (CSRA)</vt:lpstr>
      <vt:lpstr>Agenda</vt:lpstr>
      <vt:lpstr>Risikostyring i Region Hovedstaden</vt:lpstr>
      <vt:lpstr>Introduktion til CSRA</vt:lpstr>
      <vt:lpstr>Introduktion til CSRA</vt:lpstr>
      <vt:lpstr>Introduktion til CSRA</vt:lpstr>
      <vt:lpstr>PowerPoint-præsentation</vt:lpstr>
      <vt:lpstr>Cases</vt:lpstr>
      <vt:lpstr>Erfaringer med brugen af afhængighedsanalyser –CSRA - , Det Nye Rigshospital </vt:lpstr>
      <vt:lpstr>CSRA på it og medico leverancer til Nordfløjen</vt:lpstr>
      <vt:lpstr>Erfaringerne fra CSRA workshoppen delprojekt IMT</vt:lpstr>
      <vt:lpstr>CSRA på mastertidsplanen aktivering af Nordfløjen</vt:lpstr>
      <vt:lpstr>Erfaringerne</vt:lpstr>
      <vt:lpstr>CSRA – skal vi bruge det noget mere?</vt:lpstr>
      <vt:lpstr>Diskuss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5D - Risikostyring via Cost and Schedule Risiko Analyser (CSRA) - erfaringer fra Det Nye Rigshospital</dc:title>
  <dc:creator/>
  <cp:lastModifiedBy/>
  <cp:revision>1</cp:revision>
  <dcterms:created xsi:type="dcterms:W3CDTF">2015-01-13T08:58:59Z</dcterms:created>
  <dcterms:modified xsi:type="dcterms:W3CDTF">2019-09-18T08:10:5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19-03-05T08:56:12.5785354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903058668677552</vt:lpwstr>
  </property>
  <property fmtid="{D5CDD505-2E9C-101B-9397-08002B2CF9AE}" pid="7" name="TemplafyLanguageCode">
    <vt:lpwstr>da-DK</vt:lpwstr>
  </property>
  <property fmtid="{D5CDD505-2E9C-101B-9397-08002B2CF9AE}" pid="8" name="ContentTypeId">
    <vt:lpwstr>0x010100AC085CFC53BC46CEA2EADE194AD9D48200BDB167AA9F517541BDEC47268EFCF25B</vt:lpwstr>
  </property>
  <property fmtid="{D5CDD505-2E9C-101B-9397-08002B2CF9AE}" pid="9" name="xd_Signature">
    <vt:bool>false</vt:bool>
  </property>
  <property fmtid="{D5CDD505-2E9C-101B-9397-08002B2CF9AE}" pid="10" name="CCMOneDriveID">
    <vt:lpwstr/>
  </property>
  <property fmtid="{D5CDD505-2E9C-101B-9397-08002B2CF9AE}" pid="11" name="CCMOneDriveOwnerID">
    <vt:lpwstr/>
  </property>
  <property fmtid="{D5CDD505-2E9C-101B-9397-08002B2CF9AE}" pid="12" name="CCMOneDriveItemID">
    <vt:lpwstr/>
  </property>
  <property fmtid="{D5CDD505-2E9C-101B-9397-08002B2CF9AE}" pid="13" name="CCMIsSharedOnOneDrive">
    <vt:bool>false</vt:bool>
  </property>
  <property fmtid="{D5CDD505-2E9C-101B-9397-08002B2CF9AE}" pid="14" name="CCMSystem">
    <vt:lpwstr> </vt:lpwstr>
  </property>
</Properties>
</file>